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4A5327" w:rsidRPr="007525CF" w:rsidRDefault="00507FE5" w:rsidP="00AC3AEB">
      <w:pPr>
        <w:pStyle w:val="Heading1"/>
        <w:rPr>
          <w:b w:val="0"/>
        </w:rPr>
      </w:pPr>
      <w:r>
        <w:t>[</w:t>
      </w:r>
      <w:r w:rsidR="00C116AA">
        <w:t>NÚ</w:t>
      </w:r>
      <w:r>
        <w:t xml:space="preserve">MERO NO SE QUE] </w:t>
      </w:r>
      <w:r w:rsidR="004A5327" w:rsidRPr="004A5327">
        <w:t>Predicciones</w:t>
      </w:r>
    </w:p>
    <w:p w:rsidR="007F6C81" w:rsidRDefault="004A5327" w:rsidP="00B32C5C">
      <w:pPr>
        <w:rPr>
          <w:rFonts w:cs="Times New Roman"/>
          <w:szCs w:val="24"/>
        </w:rPr>
      </w:pPr>
      <w:r>
        <w:rPr>
          <w:rFonts w:cs="Times New Roman"/>
          <w:szCs w:val="24"/>
        </w:rPr>
        <w:t xml:space="preserve">Tras realizar la limpieza de datos inicial en el apartado anterior, </w:t>
      </w:r>
      <w:r w:rsidR="005C02D1">
        <w:rPr>
          <w:rFonts w:cs="Times New Roman"/>
          <w:szCs w:val="24"/>
        </w:rPr>
        <w:t>se realizaron</w:t>
      </w:r>
      <w:r>
        <w:rPr>
          <w:rFonts w:cs="Times New Roman"/>
          <w:szCs w:val="24"/>
        </w:rPr>
        <w:t xml:space="preserve"> los entrenamientos necesarios para poder generar los distintos m</w:t>
      </w:r>
      <w:r w:rsidR="000D5315">
        <w:rPr>
          <w:rFonts w:cs="Times New Roman"/>
          <w:szCs w:val="24"/>
        </w:rPr>
        <w:t xml:space="preserve">odelos, y </w:t>
      </w:r>
      <w:r>
        <w:rPr>
          <w:rFonts w:cs="Times New Roman"/>
          <w:szCs w:val="24"/>
        </w:rPr>
        <w:t>así, predecir con los algoritmos que se mencionarán más adelante.</w:t>
      </w:r>
      <w:r w:rsidR="00053E79">
        <w:rPr>
          <w:rFonts w:cs="Times New Roman"/>
          <w:szCs w:val="24"/>
        </w:rPr>
        <w:t xml:space="preserve"> </w:t>
      </w:r>
    </w:p>
    <w:p w:rsidR="004A5327" w:rsidRDefault="00053E79" w:rsidP="00B32C5C">
      <w:pPr>
        <w:rPr>
          <w:rFonts w:cs="Times New Roman"/>
          <w:szCs w:val="24"/>
        </w:rPr>
      </w:pPr>
      <w:r>
        <w:rPr>
          <w:rFonts w:cs="Times New Roman"/>
          <w:szCs w:val="24"/>
        </w:rPr>
        <w:t xml:space="preserve">La idea es poder ser capaces de predecir si una persona padecerá de </w:t>
      </w:r>
      <w:r w:rsidR="00630860" w:rsidRPr="001A1470">
        <w:rPr>
          <w:rFonts w:cs="Times New Roman"/>
          <w:szCs w:val="24"/>
        </w:rPr>
        <w:t>recidiva</w:t>
      </w:r>
      <w:r w:rsidRPr="001A1470">
        <w:rPr>
          <w:rFonts w:cs="Times New Roman"/>
          <w:szCs w:val="24"/>
        </w:rPr>
        <w:t xml:space="preserve"> bioquímica</w:t>
      </w:r>
      <w:r w:rsidR="008B6373">
        <w:rPr>
          <w:rFonts w:cs="Times New Roman"/>
          <w:szCs w:val="24"/>
        </w:rPr>
        <w:t xml:space="preserve"> (RBQ)</w:t>
      </w:r>
      <w:r w:rsidR="00815D9C">
        <w:rPr>
          <w:rFonts w:cs="Times New Roman"/>
          <w:szCs w:val="24"/>
        </w:rPr>
        <w:t xml:space="preserve"> de cáncer de próstat</w:t>
      </w:r>
      <w:r w:rsidR="00EC5262">
        <w:rPr>
          <w:rFonts w:cs="Times New Roman"/>
          <w:szCs w:val="24"/>
        </w:rPr>
        <w:t>a</w:t>
      </w:r>
      <w:r w:rsidR="001A1470">
        <w:rPr>
          <w:rFonts w:cs="Times New Roman"/>
          <w:szCs w:val="24"/>
        </w:rPr>
        <w:t>, a partir de unos dato</w:t>
      </w:r>
      <w:r w:rsidR="00881B24">
        <w:rPr>
          <w:rFonts w:cs="Times New Roman"/>
          <w:szCs w:val="24"/>
        </w:rPr>
        <w:t>s</w:t>
      </w:r>
      <w:r>
        <w:rPr>
          <w:rFonts w:cs="Times New Roman"/>
          <w:szCs w:val="24"/>
        </w:rPr>
        <w:t>.</w:t>
      </w:r>
      <w:r w:rsidR="009A3F94">
        <w:rPr>
          <w:rFonts w:cs="Times New Roman"/>
          <w:szCs w:val="24"/>
        </w:rPr>
        <w:t xml:space="preserve"> La recidiva bioquímica consiste en la repetición de una enfermedad después de habers</w:t>
      </w:r>
      <w:r w:rsidR="002963D3">
        <w:rPr>
          <w:rFonts w:cs="Times New Roman"/>
          <w:szCs w:val="24"/>
        </w:rPr>
        <w:t>e recuperado de dicha enfermedad</w:t>
      </w:r>
      <w:r w:rsidR="009A3F94">
        <w:rPr>
          <w:rFonts w:cs="Times New Roman"/>
          <w:szCs w:val="24"/>
        </w:rPr>
        <w:t>.</w:t>
      </w:r>
    </w:p>
    <w:p w:rsidR="004A5327" w:rsidRDefault="000D5315" w:rsidP="00B32C5C">
      <w:pPr>
        <w:rPr>
          <w:rFonts w:cs="Times New Roman"/>
          <w:szCs w:val="24"/>
        </w:rPr>
      </w:pPr>
      <w:r>
        <w:rPr>
          <w:rFonts w:cs="Times New Roman"/>
          <w:szCs w:val="24"/>
        </w:rPr>
        <w:t>Para ello</w:t>
      </w:r>
      <w:r w:rsidR="003F4F3E">
        <w:rPr>
          <w:rFonts w:cs="Times New Roman"/>
          <w:szCs w:val="24"/>
        </w:rPr>
        <w:t>,</w:t>
      </w:r>
      <w:r w:rsidR="004A5327">
        <w:rPr>
          <w:rFonts w:cs="Times New Roman"/>
          <w:szCs w:val="24"/>
        </w:rPr>
        <w:t xml:space="preserve"> </w:t>
      </w:r>
      <w:r w:rsidR="005C02D1">
        <w:rPr>
          <w:rFonts w:cs="Times New Roman"/>
          <w:szCs w:val="24"/>
        </w:rPr>
        <w:t>se ha utilizado</w:t>
      </w:r>
      <w:r w:rsidR="004A5327">
        <w:rPr>
          <w:rFonts w:cs="Times New Roman"/>
          <w:szCs w:val="24"/>
        </w:rPr>
        <w:t xml:space="preserve"> </w:t>
      </w:r>
      <w:r w:rsidR="000A7488">
        <w:rPr>
          <w:rFonts w:cs="Times New Roman"/>
          <w:szCs w:val="24"/>
        </w:rPr>
        <w:t>un</w:t>
      </w:r>
      <w:r w:rsidR="004A5327">
        <w:rPr>
          <w:rFonts w:cs="Times New Roman"/>
          <w:szCs w:val="24"/>
        </w:rPr>
        <w:t xml:space="preserve"> notebook </w:t>
      </w:r>
      <w:r w:rsidR="00CB1634">
        <w:rPr>
          <w:rFonts w:cs="Times New Roman"/>
          <w:szCs w:val="24"/>
        </w:rPr>
        <w:t>(adjuntos en el anexo de esta memoria, y con el proyecto</w:t>
      </w:r>
      <w:r w:rsidR="003F7C63">
        <w:rPr>
          <w:rFonts w:cs="Times New Roman"/>
          <w:szCs w:val="24"/>
        </w:rPr>
        <w:t xml:space="preserve"> como fichero </w:t>
      </w:r>
      <w:r w:rsidR="007E7E75">
        <w:rPr>
          <w:rFonts w:cs="Times New Roman"/>
          <w:szCs w:val="24"/>
        </w:rPr>
        <w:t>aparte</w:t>
      </w:r>
      <w:r w:rsidR="00CB1634">
        <w:rPr>
          <w:rFonts w:cs="Times New Roman"/>
          <w:szCs w:val="24"/>
        </w:rPr>
        <w:t xml:space="preserve">) </w:t>
      </w:r>
      <w:r w:rsidR="004A5327">
        <w:rPr>
          <w:rFonts w:cs="Times New Roman"/>
          <w:szCs w:val="24"/>
        </w:rPr>
        <w:t xml:space="preserve">con la limpieza de datos </w:t>
      </w:r>
      <w:r>
        <w:rPr>
          <w:rFonts w:cs="Times New Roman"/>
          <w:szCs w:val="24"/>
        </w:rPr>
        <w:t xml:space="preserve">para realizar </w:t>
      </w:r>
      <w:r w:rsidR="003F4348">
        <w:rPr>
          <w:rFonts w:cs="Times New Roman"/>
          <w:szCs w:val="24"/>
        </w:rPr>
        <w:t xml:space="preserve">el análisis de los datos y </w:t>
      </w:r>
      <w:r>
        <w:rPr>
          <w:rFonts w:cs="Times New Roman"/>
          <w:szCs w:val="24"/>
        </w:rPr>
        <w:t>las distintas pruebas</w:t>
      </w:r>
      <w:r w:rsidR="00B42754">
        <w:rPr>
          <w:rFonts w:cs="Times New Roman"/>
          <w:szCs w:val="24"/>
        </w:rPr>
        <w:t>;</w:t>
      </w:r>
      <w:r>
        <w:rPr>
          <w:rFonts w:cs="Times New Roman"/>
          <w:szCs w:val="24"/>
        </w:rPr>
        <w:t xml:space="preserve"> </w:t>
      </w:r>
      <w:r w:rsidR="003F4348">
        <w:rPr>
          <w:rFonts w:cs="Times New Roman"/>
          <w:szCs w:val="24"/>
        </w:rPr>
        <w:t>para</w:t>
      </w:r>
      <w:r>
        <w:rPr>
          <w:rFonts w:cs="Times New Roman"/>
          <w:szCs w:val="24"/>
        </w:rPr>
        <w:t xml:space="preserve"> así, posteriormente, copiar y pegar el código </w:t>
      </w:r>
      <w:r w:rsidR="0050628E">
        <w:rPr>
          <w:rFonts w:cs="Times New Roman"/>
          <w:szCs w:val="24"/>
        </w:rPr>
        <w:t xml:space="preserve">necesario </w:t>
      </w:r>
      <w:r>
        <w:rPr>
          <w:rFonts w:cs="Times New Roman"/>
          <w:szCs w:val="24"/>
        </w:rPr>
        <w:t xml:space="preserve">del notebook en el código </w:t>
      </w:r>
      <w:r w:rsidR="00307735">
        <w:rPr>
          <w:rFonts w:cs="Times New Roman"/>
          <w:szCs w:val="24"/>
        </w:rPr>
        <w:t>que contiene</w:t>
      </w:r>
      <w:r w:rsidR="00604C32">
        <w:rPr>
          <w:rFonts w:cs="Times New Roman"/>
          <w:szCs w:val="24"/>
        </w:rPr>
        <w:t xml:space="preserve"> el </w:t>
      </w:r>
      <w:r w:rsidR="00604C32" w:rsidRPr="004D6C24">
        <w:rPr>
          <w:rFonts w:cs="Times New Roman"/>
          <w:i/>
          <w:szCs w:val="24"/>
        </w:rPr>
        <w:t>backend</w:t>
      </w:r>
      <w:r w:rsidR="00604C32">
        <w:rPr>
          <w:rFonts w:cs="Times New Roman"/>
          <w:szCs w:val="24"/>
        </w:rPr>
        <w:t xml:space="preserve"> de</w:t>
      </w:r>
      <w:r>
        <w:rPr>
          <w:rFonts w:cs="Times New Roman"/>
          <w:szCs w:val="24"/>
        </w:rPr>
        <w:t xml:space="preserve"> </w:t>
      </w:r>
      <w:r w:rsidR="004862E9">
        <w:rPr>
          <w:rFonts w:cs="Times New Roman"/>
          <w:szCs w:val="24"/>
        </w:rPr>
        <w:t>la</w:t>
      </w:r>
      <w:r>
        <w:rPr>
          <w:rFonts w:cs="Times New Roman"/>
          <w:szCs w:val="24"/>
        </w:rPr>
        <w:t xml:space="preserve"> aplicación</w:t>
      </w:r>
      <w:r w:rsidR="00186F82">
        <w:rPr>
          <w:rFonts w:cs="Times New Roman"/>
          <w:szCs w:val="24"/>
        </w:rPr>
        <w:t>.</w:t>
      </w:r>
    </w:p>
    <w:p w:rsidR="00BB38F3" w:rsidRDefault="00A93550" w:rsidP="00B32C5C">
      <w:pPr>
        <w:rPr>
          <w:rFonts w:cs="Times New Roman"/>
          <w:i/>
          <w:color w:val="FF0000"/>
          <w:szCs w:val="24"/>
        </w:rPr>
      </w:pPr>
      <w:r>
        <w:rPr>
          <w:rFonts w:cs="Times New Roman"/>
          <w:szCs w:val="24"/>
        </w:rPr>
        <w:t xml:space="preserve">Para realizar el análisis de los datos </w:t>
      </w:r>
      <w:r w:rsidR="00000E9F">
        <w:rPr>
          <w:rFonts w:cs="Times New Roman"/>
          <w:szCs w:val="24"/>
        </w:rPr>
        <w:t>se ha utilizado</w:t>
      </w:r>
      <w:r>
        <w:rPr>
          <w:rFonts w:cs="Times New Roman"/>
          <w:szCs w:val="24"/>
        </w:rPr>
        <w:t xml:space="preserve"> la librería Pandas, y para generar los modelos y realizar</w:t>
      </w:r>
      <w:r w:rsidR="00FB5723">
        <w:rPr>
          <w:rFonts w:cs="Times New Roman"/>
          <w:szCs w:val="24"/>
        </w:rPr>
        <w:t xml:space="preserve"> las</w:t>
      </w:r>
      <w:r>
        <w:rPr>
          <w:rFonts w:cs="Times New Roman"/>
          <w:szCs w:val="24"/>
        </w:rPr>
        <w:t xml:space="preserve"> </w:t>
      </w:r>
      <w:r w:rsidR="00BD5E07">
        <w:rPr>
          <w:rFonts w:cs="Times New Roman"/>
          <w:szCs w:val="24"/>
        </w:rPr>
        <w:t xml:space="preserve">predicciones </w:t>
      </w:r>
      <w:r w:rsidR="00000E9F">
        <w:rPr>
          <w:rFonts w:cs="Times New Roman"/>
          <w:szCs w:val="24"/>
        </w:rPr>
        <w:t>se ha utilizado</w:t>
      </w:r>
      <w:r w:rsidR="00BD5E07">
        <w:rPr>
          <w:rFonts w:cs="Times New Roman"/>
          <w:szCs w:val="24"/>
        </w:rPr>
        <w:t xml:space="preserve"> s</w:t>
      </w:r>
      <w:r>
        <w:rPr>
          <w:rFonts w:cs="Times New Roman"/>
          <w:szCs w:val="24"/>
        </w:rPr>
        <w:t>cikit-learn</w:t>
      </w:r>
      <w:r w:rsidR="00BD7841">
        <w:rPr>
          <w:rFonts w:cs="Times New Roman"/>
          <w:szCs w:val="24"/>
        </w:rPr>
        <w:t xml:space="preserve">, una librería de </w:t>
      </w:r>
      <w:r w:rsidR="00BD7841" w:rsidRPr="00BD7841">
        <w:rPr>
          <w:rFonts w:cs="Times New Roman"/>
          <w:i/>
          <w:szCs w:val="24"/>
        </w:rPr>
        <w:t>Machine Learning</w:t>
      </w:r>
      <w:r w:rsidR="00432428">
        <w:rPr>
          <w:rFonts w:cs="Times New Roman"/>
          <w:i/>
          <w:szCs w:val="24"/>
        </w:rPr>
        <w:t xml:space="preserve"> </w:t>
      </w:r>
      <w:r w:rsidR="00432428">
        <w:rPr>
          <w:rFonts w:cs="Times New Roman"/>
          <w:szCs w:val="24"/>
        </w:rPr>
        <w:t>muy sencilla de utilizar</w:t>
      </w:r>
      <w:r w:rsidR="00BD7841">
        <w:rPr>
          <w:rFonts w:cs="Times New Roman"/>
          <w:szCs w:val="24"/>
        </w:rPr>
        <w:t>.</w:t>
      </w:r>
      <w:r w:rsidR="00B32335">
        <w:rPr>
          <w:rFonts w:cs="Times New Roman"/>
          <w:szCs w:val="24"/>
        </w:rPr>
        <w:t xml:space="preserve"> </w:t>
      </w:r>
      <w:r w:rsidR="00B32335">
        <w:rPr>
          <w:rFonts w:cs="Times New Roman"/>
          <w:color w:val="FF0000"/>
          <w:szCs w:val="24"/>
        </w:rPr>
        <w:t xml:space="preserve">MENCIONAR QUE LOS DATOS CATEGÓRICOS SON NUMÉRICOS… QUE MIREN EL WORD CON EL </w:t>
      </w:r>
      <w:r w:rsidR="00B32335">
        <w:rPr>
          <w:rFonts w:cs="Times New Roman"/>
          <w:i/>
          <w:color w:val="FF0000"/>
          <w:szCs w:val="24"/>
        </w:rPr>
        <w:t>MAPEO</w:t>
      </w:r>
      <w:r w:rsidR="00103669">
        <w:rPr>
          <w:rFonts w:cs="Times New Roman"/>
          <w:i/>
          <w:color w:val="FF0000"/>
          <w:szCs w:val="24"/>
        </w:rPr>
        <w:t>. QUIZAS SE MENCIONE EN LA PARTE DE “LIMPIEZA”</w:t>
      </w:r>
    </w:p>
    <w:p w:rsidR="00990A0E" w:rsidRDefault="00990A0E" w:rsidP="00B32C5C">
      <w:pPr>
        <w:rPr>
          <w:rFonts w:cs="Times New Roman"/>
          <w:i/>
          <w:color w:val="FF0000"/>
          <w:szCs w:val="24"/>
        </w:rPr>
      </w:pPr>
    </w:p>
    <w:p w:rsidR="00DF683E" w:rsidRPr="00DF683E" w:rsidRDefault="006B0CF7" w:rsidP="009D132D">
      <w:pPr>
        <w:pStyle w:val="Heading2"/>
      </w:pPr>
      <w:r>
        <w:t>Descripción inicial</w:t>
      </w:r>
      <w:r w:rsidR="00DF683E">
        <w:t xml:space="preserve"> de los datos</w:t>
      </w:r>
    </w:p>
    <w:p w:rsidR="003F4348" w:rsidRDefault="003F4348" w:rsidP="00B32C5C">
      <w:pPr>
        <w:rPr>
          <w:rFonts w:cs="Times New Roman"/>
          <w:szCs w:val="24"/>
        </w:rPr>
      </w:pPr>
      <w:r>
        <w:rPr>
          <w:rFonts w:cs="Times New Roman"/>
          <w:szCs w:val="24"/>
        </w:rPr>
        <w:t>En p</w:t>
      </w:r>
      <w:r w:rsidR="00BA7C20">
        <w:rPr>
          <w:rFonts w:cs="Times New Roman"/>
          <w:szCs w:val="24"/>
        </w:rPr>
        <w:t>rimer lugar</w:t>
      </w:r>
      <w:r w:rsidR="00DF4187">
        <w:rPr>
          <w:rFonts w:cs="Times New Roman"/>
          <w:szCs w:val="24"/>
        </w:rPr>
        <w:t>,</w:t>
      </w:r>
      <w:r w:rsidR="00BA7C20">
        <w:rPr>
          <w:rFonts w:cs="Times New Roman"/>
          <w:szCs w:val="24"/>
        </w:rPr>
        <w:t xml:space="preserve"> </w:t>
      </w:r>
      <w:r w:rsidR="00E64C0A">
        <w:rPr>
          <w:rFonts w:cs="Times New Roman"/>
          <w:szCs w:val="24"/>
        </w:rPr>
        <w:t>se visualizaron</w:t>
      </w:r>
      <w:r w:rsidR="00BA7C20">
        <w:rPr>
          <w:rFonts w:cs="Times New Roman"/>
          <w:szCs w:val="24"/>
        </w:rPr>
        <w:t xml:space="preserve"> los datos para tener una idea inicial de </w:t>
      </w:r>
      <w:r w:rsidR="008C70AF">
        <w:rPr>
          <w:rFonts w:cs="Times New Roman"/>
          <w:szCs w:val="24"/>
        </w:rPr>
        <w:t xml:space="preserve">cómo </w:t>
      </w:r>
      <w:r w:rsidR="00291E97">
        <w:rPr>
          <w:rFonts w:cs="Times New Roman"/>
          <w:szCs w:val="24"/>
        </w:rPr>
        <w:t>es</w:t>
      </w:r>
      <w:r w:rsidR="008C70AF">
        <w:rPr>
          <w:rFonts w:cs="Times New Roman"/>
          <w:szCs w:val="24"/>
        </w:rPr>
        <w:t xml:space="preserve"> el dataset</w:t>
      </w:r>
      <w:r w:rsidR="00BA7C20">
        <w:rPr>
          <w:rFonts w:cs="Times New Roman"/>
          <w:szCs w:val="24"/>
        </w:rPr>
        <w:t>.</w:t>
      </w:r>
      <w:r w:rsidR="00DF4187">
        <w:rPr>
          <w:rFonts w:cs="Times New Roman"/>
          <w:szCs w:val="24"/>
        </w:rPr>
        <w:t xml:space="preserve"> Haciendo </w:t>
      </w:r>
      <w:r w:rsidR="00DF4187" w:rsidRPr="0079138C">
        <w:rPr>
          <w:rStyle w:val="Strong"/>
        </w:rPr>
        <w:t>df.shape</w:t>
      </w:r>
      <w:r w:rsidR="00DF4187" w:rsidRPr="00B32335">
        <w:rPr>
          <w:rFonts w:cs="Times New Roman"/>
          <w:sz w:val="22"/>
          <w:szCs w:val="24"/>
        </w:rPr>
        <w:t xml:space="preserve"> </w:t>
      </w:r>
      <w:r w:rsidR="00EA5DF7">
        <w:rPr>
          <w:rFonts w:cs="Times New Roman"/>
          <w:sz w:val="22"/>
          <w:szCs w:val="24"/>
        </w:rPr>
        <w:t xml:space="preserve">se </w:t>
      </w:r>
      <w:r w:rsidR="00A8016E">
        <w:rPr>
          <w:rFonts w:cs="Times New Roman"/>
          <w:szCs w:val="24"/>
        </w:rPr>
        <w:t>obtiene</w:t>
      </w:r>
      <w:r w:rsidR="00422CC8">
        <w:rPr>
          <w:rFonts w:cs="Times New Roman"/>
          <w:szCs w:val="24"/>
        </w:rPr>
        <w:t xml:space="preserve"> el número de filas y de columnas </w:t>
      </w:r>
      <w:r w:rsidR="00E06231">
        <w:rPr>
          <w:rFonts w:cs="Times New Roman"/>
          <w:szCs w:val="24"/>
        </w:rPr>
        <w:t>del dataset</w:t>
      </w:r>
      <w:r w:rsidR="00422CC8">
        <w:rPr>
          <w:rFonts w:cs="Times New Roman"/>
          <w:szCs w:val="24"/>
        </w:rPr>
        <w:t xml:space="preserve"> tras </w:t>
      </w:r>
      <w:r w:rsidR="00EC6BD5">
        <w:rPr>
          <w:rFonts w:cs="Times New Roman"/>
          <w:szCs w:val="24"/>
        </w:rPr>
        <w:t xml:space="preserve">la </w:t>
      </w:r>
      <w:r w:rsidR="00422CC8">
        <w:rPr>
          <w:rFonts w:cs="Times New Roman"/>
          <w:szCs w:val="24"/>
        </w:rPr>
        <w:t>primera limpieza previa.</w:t>
      </w:r>
    </w:p>
    <w:p w:rsidR="00CA2A58" w:rsidRDefault="00422CC8" w:rsidP="00B32C5C">
      <w:pPr>
        <w:keepNext/>
        <w:jc w:val="center"/>
      </w:pPr>
      <w:r w:rsidRPr="00422CC8">
        <w:rPr>
          <w:rFonts w:cs="Times New Roman"/>
          <w:noProof/>
          <w:szCs w:val="24"/>
          <w:lang w:eastAsia="es-ES"/>
        </w:rPr>
        <w:drawing>
          <wp:inline distT="0" distB="0" distL="0" distR="0" wp14:anchorId="031D6D75" wp14:editId="5309A9B1">
            <wp:extent cx="2200275" cy="952500"/>
            <wp:effectExtent l="0" t="0" r="9525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7"/>
                    <a:srcRect l="20619"/>
                    <a:stretch/>
                  </pic:blipFill>
                  <pic:spPr bwMode="auto">
                    <a:xfrm>
                      <a:off x="0" y="0"/>
                      <a:ext cx="2200275" cy="95250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422CC8" w:rsidRPr="00CA2A58" w:rsidRDefault="00CA2A58" w:rsidP="00B32C5C">
      <w:pPr>
        <w:pStyle w:val="Caption"/>
        <w:spacing w:line="360" w:lineRule="auto"/>
        <w:rPr>
          <w:rFonts w:cs="Times New Roman"/>
          <w:sz w:val="24"/>
          <w:szCs w:val="24"/>
        </w:rPr>
      </w:pPr>
      <w:r w:rsidRPr="00CA2A58">
        <w:rPr>
          <w:rFonts w:cs="Times New Roman"/>
        </w:rPr>
        <w:t xml:space="preserve">Figura </w:t>
      </w:r>
      <w:r w:rsidR="00C50B98">
        <w:rPr>
          <w:rFonts w:cs="Times New Roman"/>
        </w:rPr>
        <w:fldChar w:fldCharType="begin"/>
      </w:r>
      <w:r w:rsidR="00C50B98">
        <w:rPr>
          <w:rFonts w:cs="Times New Roman"/>
        </w:rPr>
        <w:instrText xml:space="preserve"> SEQ Figura \* ARABIC </w:instrText>
      </w:r>
      <w:r w:rsidR="00C50B98">
        <w:rPr>
          <w:rFonts w:cs="Times New Roman"/>
        </w:rPr>
        <w:fldChar w:fldCharType="separate"/>
      </w:r>
      <w:r w:rsidR="006C648B">
        <w:rPr>
          <w:rFonts w:cs="Times New Roman"/>
          <w:noProof/>
        </w:rPr>
        <w:t>1</w:t>
      </w:r>
      <w:r w:rsidR="00C50B98">
        <w:rPr>
          <w:rFonts w:cs="Times New Roman"/>
        </w:rPr>
        <w:fldChar w:fldCharType="end"/>
      </w:r>
      <w:r>
        <w:rPr>
          <w:rFonts w:cs="Times New Roman"/>
        </w:rPr>
        <w:t>.  Forma del dataset tras la primera limpieza</w:t>
      </w:r>
    </w:p>
    <w:p w:rsidR="00422CC8" w:rsidRDefault="00A501DB" w:rsidP="00B32C5C">
      <w:pPr>
        <w:rPr>
          <w:rFonts w:cs="Times New Roman"/>
          <w:szCs w:val="24"/>
        </w:rPr>
      </w:pPr>
      <w:r>
        <w:rPr>
          <w:rFonts w:cs="Times New Roman"/>
          <w:szCs w:val="24"/>
        </w:rPr>
        <w:lastRenderedPageBreak/>
        <w:t>Se ha observado</w:t>
      </w:r>
      <w:r w:rsidR="00422CC8">
        <w:rPr>
          <w:rFonts w:cs="Times New Roman"/>
          <w:szCs w:val="24"/>
        </w:rPr>
        <w:t xml:space="preserve"> que </w:t>
      </w:r>
      <w:r w:rsidR="009C321D">
        <w:rPr>
          <w:rFonts w:cs="Times New Roman"/>
          <w:szCs w:val="24"/>
        </w:rPr>
        <w:t>el dataset</w:t>
      </w:r>
      <w:r w:rsidR="002541B6">
        <w:rPr>
          <w:rFonts w:cs="Times New Roman"/>
          <w:szCs w:val="24"/>
        </w:rPr>
        <w:t xml:space="preserve"> tiene</w:t>
      </w:r>
      <w:r w:rsidR="00422CC8">
        <w:rPr>
          <w:rFonts w:cs="Times New Roman"/>
          <w:szCs w:val="24"/>
        </w:rPr>
        <w:t xml:space="preserve"> 204 filas (es decir, 204 casos </w:t>
      </w:r>
      <w:r w:rsidR="005B485A">
        <w:rPr>
          <w:rFonts w:cs="Times New Roman"/>
          <w:szCs w:val="24"/>
        </w:rPr>
        <w:t>de seguimiento de cáncer de próstata</w:t>
      </w:r>
      <w:r w:rsidR="00422CC8">
        <w:rPr>
          <w:rFonts w:cs="Times New Roman"/>
          <w:szCs w:val="24"/>
        </w:rPr>
        <w:t>) y 61 columnas</w:t>
      </w:r>
      <w:r w:rsidR="00BD02FC">
        <w:rPr>
          <w:rFonts w:cs="Times New Roman"/>
          <w:szCs w:val="24"/>
        </w:rPr>
        <w:t xml:space="preserve"> (o variables)</w:t>
      </w:r>
      <w:r w:rsidR="00422CC8">
        <w:rPr>
          <w:rFonts w:cs="Times New Roman"/>
          <w:szCs w:val="24"/>
        </w:rPr>
        <w:t>.</w:t>
      </w:r>
      <w:r w:rsidR="006B6CA3">
        <w:rPr>
          <w:rFonts w:cs="Times New Roman"/>
          <w:szCs w:val="24"/>
        </w:rPr>
        <w:t xml:space="preserve"> </w:t>
      </w:r>
      <w:r w:rsidR="00F222A6">
        <w:rPr>
          <w:rFonts w:cs="Times New Roman"/>
          <w:szCs w:val="24"/>
        </w:rPr>
        <w:t xml:space="preserve">Viendo esto, se puede </w:t>
      </w:r>
      <w:r w:rsidR="001B6306">
        <w:rPr>
          <w:rFonts w:cs="Times New Roman"/>
          <w:szCs w:val="24"/>
        </w:rPr>
        <w:t>apreciar</w:t>
      </w:r>
      <w:r w:rsidR="00F222A6">
        <w:rPr>
          <w:rFonts w:cs="Times New Roman"/>
          <w:szCs w:val="24"/>
        </w:rPr>
        <w:t xml:space="preserve"> la gran escasez de </w:t>
      </w:r>
      <w:r w:rsidR="006B6CA3">
        <w:rPr>
          <w:rFonts w:cs="Times New Roman"/>
          <w:szCs w:val="24"/>
        </w:rPr>
        <w:t>datos para realizar el entrenamiento</w:t>
      </w:r>
      <w:r w:rsidR="00417137">
        <w:rPr>
          <w:rFonts w:cs="Times New Roman"/>
          <w:szCs w:val="24"/>
        </w:rPr>
        <w:t>. A</w:t>
      </w:r>
      <w:r w:rsidR="0024307A">
        <w:rPr>
          <w:rFonts w:cs="Times New Roman"/>
          <w:szCs w:val="24"/>
        </w:rPr>
        <w:t xml:space="preserve">l ser casos muy extraños, no </w:t>
      </w:r>
      <w:r w:rsidR="00EE7E21">
        <w:rPr>
          <w:rFonts w:cs="Times New Roman"/>
          <w:szCs w:val="24"/>
        </w:rPr>
        <w:t>existe</w:t>
      </w:r>
      <w:r w:rsidR="0024307A">
        <w:rPr>
          <w:rFonts w:cs="Times New Roman"/>
          <w:szCs w:val="24"/>
        </w:rPr>
        <w:t xml:space="preserve"> ninguna forma de obtener más datos.</w:t>
      </w:r>
    </w:p>
    <w:p w:rsidR="00A93550" w:rsidRDefault="00B32335" w:rsidP="00B32C5C">
      <w:pPr>
        <w:rPr>
          <w:rFonts w:cs="Times New Roman"/>
          <w:szCs w:val="24"/>
        </w:rPr>
      </w:pPr>
      <w:r>
        <w:rPr>
          <w:rFonts w:cs="Times New Roman"/>
          <w:szCs w:val="24"/>
        </w:rPr>
        <w:t xml:space="preserve">También </w:t>
      </w:r>
      <w:r w:rsidR="002A13A1">
        <w:rPr>
          <w:rFonts w:cs="Times New Roman"/>
          <w:szCs w:val="24"/>
        </w:rPr>
        <w:t>ha utilizado</w:t>
      </w:r>
      <w:r>
        <w:rPr>
          <w:rFonts w:cs="Times New Roman"/>
          <w:szCs w:val="24"/>
        </w:rPr>
        <w:t xml:space="preserve"> </w:t>
      </w:r>
      <w:r w:rsidRPr="0079138C">
        <w:rPr>
          <w:rStyle w:val="Strong"/>
        </w:rPr>
        <w:t>df.describe(include="all",datetime_is_numeric=True)</w:t>
      </w:r>
      <w:r w:rsidRPr="00B32335">
        <w:rPr>
          <w:rFonts w:ascii="Courier New" w:hAnsi="Courier New" w:cs="Courier New"/>
          <w:sz w:val="22"/>
          <w:szCs w:val="24"/>
        </w:rPr>
        <w:t xml:space="preserve"> </w:t>
      </w:r>
      <w:r>
        <w:rPr>
          <w:rFonts w:cs="Times New Roman"/>
          <w:szCs w:val="24"/>
        </w:rPr>
        <w:t xml:space="preserve">para ver un resumen estadístico. </w:t>
      </w:r>
    </w:p>
    <w:p w:rsidR="00CA2A58" w:rsidRDefault="00B32335" w:rsidP="00B32C5C">
      <w:pPr>
        <w:keepNext/>
      </w:pPr>
      <w:r w:rsidRPr="00B32335">
        <w:rPr>
          <w:rFonts w:cs="Times New Roman"/>
          <w:noProof/>
          <w:szCs w:val="24"/>
          <w:lang w:eastAsia="es-ES"/>
        </w:rPr>
        <w:drawing>
          <wp:inline distT="0" distB="0" distL="0" distR="0" wp14:anchorId="6C3DD60C" wp14:editId="5AE6BD41">
            <wp:extent cx="5867400" cy="2183765"/>
            <wp:effectExtent l="0" t="0" r="0" b="698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8"/>
                    <a:srcRect l="1" r="1282"/>
                    <a:stretch/>
                  </pic:blipFill>
                  <pic:spPr bwMode="auto">
                    <a:xfrm>
                      <a:off x="0" y="0"/>
                      <a:ext cx="5867400" cy="218376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32335" w:rsidRPr="00CA2A58" w:rsidRDefault="00CA2A58" w:rsidP="00B32C5C">
      <w:pPr>
        <w:pStyle w:val="Caption"/>
        <w:spacing w:line="360" w:lineRule="auto"/>
        <w:rPr>
          <w:rFonts w:cs="Times New Roman"/>
          <w:sz w:val="24"/>
          <w:szCs w:val="24"/>
        </w:rPr>
      </w:pPr>
      <w:r w:rsidRPr="00CA2A58">
        <w:rPr>
          <w:rFonts w:cs="Times New Roman"/>
        </w:rPr>
        <w:t xml:space="preserve">Figura </w:t>
      </w:r>
      <w:r w:rsidR="00C50B98">
        <w:rPr>
          <w:rFonts w:cs="Times New Roman"/>
        </w:rPr>
        <w:fldChar w:fldCharType="begin"/>
      </w:r>
      <w:r w:rsidR="00C50B98">
        <w:rPr>
          <w:rFonts w:cs="Times New Roman"/>
        </w:rPr>
        <w:instrText xml:space="preserve"> SEQ Figura \* ARABIC </w:instrText>
      </w:r>
      <w:r w:rsidR="00C50B98">
        <w:rPr>
          <w:rFonts w:cs="Times New Roman"/>
        </w:rPr>
        <w:fldChar w:fldCharType="separate"/>
      </w:r>
      <w:r w:rsidR="006C648B">
        <w:rPr>
          <w:rFonts w:cs="Times New Roman"/>
          <w:noProof/>
        </w:rPr>
        <w:t>2</w:t>
      </w:r>
      <w:r w:rsidR="00C50B98">
        <w:rPr>
          <w:rFonts w:cs="Times New Roman"/>
        </w:rPr>
        <w:fldChar w:fldCharType="end"/>
      </w:r>
      <w:r w:rsidRPr="00CA2A58">
        <w:rPr>
          <w:rFonts w:cs="Times New Roman"/>
        </w:rPr>
        <w:t>. Resumen estadístico</w:t>
      </w:r>
    </w:p>
    <w:p w:rsidR="00B32335" w:rsidRDefault="00B32335" w:rsidP="00B32C5C">
      <w:pPr>
        <w:rPr>
          <w:rFonts w:cs="Times New Roman"/>
          <w:szCs w:val="24"/>
        </w:rPr>
      </w:pPr>
      <w:r>
        <w:rPr>
          <w:rFonts w:cs="Times New Roman"/>
          <w:szCs w:val="24"/>
        </w:rPr>
        <w:t xml:space="preserve">Con este resumen estadístico </w:t>
      </w:r>
      <w:r w:rsidR="004C0B75">
        <w:rPr>
          <w:rFonts w:cs="Times New Roman"/>
          <w:szCs w:val="24"/>
        </w:rPr>
        <w:t>se ha podido</w:t>
      </w:r>
      <w:r>
        <w:rPr>
          <w:rFonts w:cs="Times New Roman"/>
          <w:szCs w:val="24"/>
        </w:rPr>
        <w:t xml:space="preserve"> ver</w:t>
      </w:r>
      <w:r w:rsidR="0062194E">
        <w:rPr>
          <w:rFonts w:cs="Times New Roman"/>
          <w:szCs w:val="24"/>
        </w:rPr>
        <w:t xml:space="preserve"> que</w:t>
      </w:r>
      <w:r>
        <w:rPr>
          <w:rFonts w:cs="Times New Roman"/>
          <w:szCs w:val="24"/>
        </w:rPr>
        <w:t xml:space="preserve">, </w:t>
      </w:r>
      <w:r w:rsidR="0062194E">
        <w:rPr>
          <w:rFonts w:cs="Times New Roman"/>
          <w:szCs w:val="24"/>
        </w:rPr>
        <w:t xml:space="preserve">por ejemplo, </w:t>
      </w:r>
      <w:r>
        <w:rPr>
          <w:rFonts w:cs="Times New Roman"/>
          <w:szCs w:val="24"/>
        </w:rPr>
        <w:t>la edad media de los pacientes es de unos 62 años, que el más joven tiene 46 años, y que el más mayor tiene 78 años.</w:t>
      </w:r>
      <w:r w:rsidR="00B8703F">
        <w:rPr>
          <w:rFonts w:cs="Times New Roman"/>
          <w:szCs w:val="24"/>
        </w:rPr>
        <w:t xml:space="preserve"> También aparecen las estadísticas de otras columnas como PSAPRE, PSALT, etc. </w:t>
      </w:r>
      <w:r w:rsidR="00194557">
        <w:rPr>
          <w:rFonts w:cs="Times New Roman"/>
          <w:szCs w:val="24"/>
        </w:rPr>
        <w:t>Explicar e interpretar estos tecnicismos médicos</w:t>
      </w:r>
      <w:r w:rsidR="00B8703F">
        <w:rPr>
          <w:rFonts w:cs="Times New Roman"/>
          <w:szCs w:val="24"/>
        </w:rPr>
        <w:t xml:space="preserve"> se alejan del ámbito de este Trabajo Final de Grado.</w:t>
      </w:r>
    </w:p>
    <w:p w:rsidR="0020751D" w:rsidRDefault="0020751D" w:rsidP="00B32C5C">
      <w:pPr>
        <w:rPr>
          <w:rFonts w:cs="Times New Roman"/>
          <w:szCs w:val="24"/>
        </w:rPr>
      </w:pPr>
    </w:p>
    <w:p w:rsidR="0020751D" w:rsidRDefault="0020751D" w:rsidP="0020751D">
      <w:pPr>
        <w:pStyle w:val="Heading2"/>
      </w:pPr>
      <w:r>
        <w:t>Limpieza de columnas con filas vacías</w:t>
      </w:r>
    </w:p>
    <w:p w:rsidR="00F27DB2" w:rsidRPr="000C33D4" w:rsidRDefault="00F27DB2" w:rsidP="00B32C5C">
      <w:pPr>
        <w:rPr>
          <w:rFonts w:cs="Times New Roman"/>
          <w:szCs w:val="24"/>
        </w:rPr>
      </w:pPr>
      <w:r>
        <w:rPr>
          <w:rFonts w:cs="Times New Roman"/>
          <w:szCs w:val="24"/>
        </w:rPr>
        <w:t xml:space="preserve">Una cosa que </w:t>
      </w:r>
      <w:r w:rsidR="00410AB5">
        <w:rPr>
          <w:rFonts w:cs="Times New Roman"/>
          <w:szCs w:val="24"/>
        </w:rPr>
        <w:t>se tuvo</w:t>
      </w:r>
      <w:r>
        <w:rPr>
          <w:rFonts w:cs="Times New Roman"/>
          <w:szCs w:val="24"/>
        </w:rPr>
        <w:t xml:space="preserve"> muy en cuenta (ya que es necesario para poder realizar los entrenamientos), es no tener ninguna columna con datos nulos. Para detectar estos nulos </w:t>
      </w:r>
      <w:r w:rsidR="00895ED5">
        <w:rPr>
          <w:rFonts w:cs="Times New Roman"/>
          <w:szCs w:val="24"/>
        </w:rPr>
        <w:t>se ha utilizado</w:t>
      </w:r>
      <w:r>
        <w:rPr>
          <w:rFonts w:cs="Times New Roman"/>
          <w:szCs w:val="24"/>
        </w:rPr>
        <w:t xml:space="preserve"> </w:t>
      </w:r>
      <w:r w:rsidRPr="0079138C">
        <w:rPr>
          <w:rStyle w:val="Strong"/>
        </w:rPr>
        <w:t>df.info()</w:t>
      </w:r>
      <w:r w:rsidR="000C33D4" w:rsidRPr="0079138C">
        <w:rPr>
          <w:rStyle w:val="Strong"/>
        </w:rPr>
        <w:t>.</w:t>
      </w:r>
    </w:p>
    <w:p w:rsidR="00CA2A58" w:rsidRDefault="00F27DB2" w:rsidP="00B32C5C">
      <w:pPr>
        <w:keepNext/>
        <w:jc w:val="center"/>
      </w:pPr>
      <w:r w:rsidRPr="00F27DB2">
        <w:rPr>
          <w:rFonts w:cs="Times New Roman"/>
          <w:noProof/>
          <w:szCs w:val="24"/>
          <w:lang w:eastAsia="es-ES"/>
        </w:rPr>
        <w:lastRenderedPageBreak/>
        <w:drawing>
          <wp:inline distT="0" distB="0" distL="0" distR="0" wp14:anchorId="69A9A951" wp14:editId="7CE9605D">
            <wp:extent cx="1746913" cy="2719252"/>
            <wp:effectExtent l="0" t="0" r="5715" b="508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1763789" cy="274552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F27DB2">
        <w:rPr>
          <w:rFonts w:cs="Times New Roman"/>
          <w:noProof/>
          <w:szCs w:val="24"/>
          <w:lang w:eastAsia="es-ES"/>
        </w:rPr>
        <w:drawing>
          <wp:inline distT="0" distB="0" distL="0" distR="0" wp14:anchorId="55358C70" wp14:editId="1F0DB64B">
            <wp:extent cx="1364777" cy="2196014"/>
            <wp:effectExtent l="0" t="0" r="6985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1493290" cy="24028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27DB2" w:rsidRDefault="00CA2A58" w:rsidP="00B32C5C">
      <w:pPr>
        <w:pStyle w:val="Caption"/>
        <w:spacing w:line="360" w:lineRule="auto"/>
        <w:rPr>
          <w:rFonts w:cs="Times New Roman"/>
        </w:rPr>
      </w:pPr>
      <w:r w:rsidRPr="00CA2A58">
        <w:rPr>
          <w:rFonts w:cs="Times New Roman"/>
        </w:rPr>
        <w:t xml:space="preserve">Figura </w:t>
      </w:r>
      <w:r w:rsidR="00C50B98">
        <w:rPr>
          <w:rFonts w:cs="Times New Roman"/>
        </w:rPr>
        <w:fldChar w:fldCharType="begin"/>
      </w:r>
      <w:r w:rsidR="00C50B98">
        <w:rPr>
          <w:rFonts w:cs="Times New Roman"/>
        </w:rPr>
        <w:instrText xml:space="preserve"> SEQ Figura \* ARABIC </w:instrText>
      </w:r>
      <w:r w:rsidR="00C50B98">
        <w:rPr>
          <w:rFonts w:cs="Times New Roman"/>
        </w:rPr>
        <w:fldChar w:fldCharType="separate"/>
      </w:r>
      <w:r w:rsidR="006C648B">
        <w:rPr>
          <w:rFonts w:cs="Times New Roman"/>
          <w:noProof/>
        </w:rPr>
        <w:t>3</w:t>
      </w:r>
      <w:r w:rsidR="00C50B98">
        <w:rPr>
          <w:rFonts w:cs="Times New Roman"/>
        </w:rPr>
        <w:fldChar w:fldCharType="end"/>
      </w:r>
      <w:r w:rsidRPr="00CA2A58">
        <w:rPr>
          <w:rFonts w:cs="Times New Roman"/>
        </w:rPr>
        <w:t>. Visualización para localizar columnas vacías</w:t>
      </w:r>
    </w:p>
    <w:p w:rsidR="00CF4F00" w:rsidRPr="00CF4F00" w:rsidRDefault="00CF4F00" w:rsidP="00CF4F00"/>
    <w:p w:rsidR="00F27DB2" w:rsidRDefault="00F27DB2" w:rsidP="00B32C5C">
      <w:pPr>
        <w:rPr>
          <w:rFonts w:cs="Times New Roman"/>
          <w:szCs w:val="24"/>
        </w:rPr>
      </w:pPr>
      <w:r>
        <w:rPr>
          <w:rFonts w:cs="Times New Roman"/>
          <w:szCs w:val="24"/>
        </w:rPr>
        <w:t>Como se puede observar en las capturas anteriores, hay algunas columnas con entradas nulas.</w:t>
      </w:r>
      <w:r w:rsidR="00FD21F4">
        <w:rPr>
          <w:rFonts w:cs="Times New Roman"/>
          <w:szCs w:val="24"/>
        </w:rPr>
        <w:t xml:space="preserve"> Algunas ni siquiera llegan a la</w:t>
      </w:r>
      <w:r w:rsidR="008C285A">
        <w:rPr>
          <w:rFonts w:cs="Times New Roman"/>
          <w:szCs w:val="24"/>
        </w:rPr>
        <w:t>s 100</w:t>
      </w:r>
      <w:r w:rsidR="00FD21F4">
        <w:rPr>
          <w:rFonts w:cs="Times New Roman"/>
          <w:szCs w:val="24"/>
        </w:rPr>
        <w:t xml:space="preserve"> entradas no nula</w:t>
      </w:r>
      <w:r w:rsidR="004E4B28">
        <w:rPr>
          <w:rFonts w:cs="Times New Roman"/>
          <w:szCs w:val="24"/>
        </w:rPr>
        <w:t xml:space="preserve">s, por lo que </w:t>
      </w:r>
      <w:r w:rsidR="003F76CD">
        <w:rPr>
          <w:rFonts w:cs="Times New Roman"/>
          <w:szCs w:val="24"/>
        </w:rPr>
        <w:t>fue necesario</w:t>
      </w:r>
      <w:r w:rsidR="004E4B28">
        <w:rPr>
          <w:rFonts w:cs="Times New Roman"/>
          <w:szCs w:val="24"/>
        </w:rPr>
        <w:t xml:space="preserve"> hacer más limpieza para </w:t>
      </w:r>
      <w:r w:rsidR="003D7429">
        <w:rPr>
          <w:rFonts w:cs="Times New Roman"/>
          <w:szCs w:val="24"/>
        </w:rPr>
        <w:t xml:space="preserve">no tener ninguna columna con datos </w:t>
      </w:r>
      <w:r w:rsidR="00916112">
        <w:rPr>
          <w:rFonts w:cs="Times New Roman"/>
          <w:szCs w:val="24"/>
        </w:rPr>
        <w:t>vacíos</w:t>
      </w:r>
      <w:r w:rsidR="003D7429">
        <w:rPr>
          <w:rFonts w:cs="Times New Roman"/>
          <w:szCs w:val="24"/>
        </w:rPr>
        <w:t xml:space="preserve">, y </w:t>
      </w:r>
      <w:r w:rsidR="004E4B28">
        <w:rPr>
          <w:rFonts w:cs="Times New Roman"/>
          <w:szCs w:val="24"/>
        </w:rPr>
        <w:t>que scikit-learn pueda hacer sus entrenamientos correctamente.</w:t>
      </w:r>
      <w:r w:rsidR="003D7429">
        <w:rPr>
          <w:rFonts w:cs="Times New Roman"/>
          <w:szCs w:val="24"/>
        </w:rPr>
        <w:t xml:space="preserve"> Para hacer esta limpieza, </w:t>
      </w:r>
      <w:r w:rsidR="008A31F8">
        <w:rPr>
          <w:rFonts w:cs="Times New Roman"/>
          <w:szCs w:val="24"/>
        </w:rPr>
        <w:t>se rellenaron</w:t>
      </w:r>
      <w:r w:rsidR="00250E79">
        <w:rPr>
          <w:rFonts w:cs="Times New Roman"/>
          <w:szCs w:val="24"/>
        </w:rPr>
        <w:t xml:space="preserve"> aquellos</w:t>
      </w:r>
      <w:r w:rsidR="000908CD">
        <w:rPr>
          <w:rFonts w:cs="Times New Roman"/>
          <w:szCs w:val="24"/>
        </w:rPr>
        <w:t xml:space="preserve"> nulos con la mediana de los datos de cada columna</w:t>
      </w:r>
      <w:r w:rsidR="00CA1C2C">
        <w:rPr>
          <w:rFonts w:cs="Times New Roman"/>
          <w:szCs w:val="24"/>
        </w:rPr>
        <w:t>.</w:t>
      </w:r>
    </w:p>
    <w:p w:rsidR="001E1951" w:rsidRDefault="001E1951" w:rsidP="00B32C5C">
      <w:pPr>
        <w:rPr>
          <w:rFonts w:cs="Times New Roman"/>
          <w:szCs w:val="24"/>
        </w:rPr>
      </w:pPr>
      <w:r>
        <w:rPr>
          <w:rFonts w:cs="Times New Roman"/>
          <w:szCs w:val="24"/>
        </w:rPr>
        <w:t xml:space="preserve">Antes de hacer el rellenado, </w:t>
      </w:r>
      <w:r w:rsidR="002A762B">
        <w:rPr>
          <w:rFonts w:cs="Times New Roman"/>
          <w:szCs w:val="24"/>
        </w:rPr>
        <w:t>se eliminar</w:t>
      </w:r>
      <w:r w:rsidR="009055A0">
        <w:rPr>
          <w:rFonts w:cs="Times New Roman"/>
          <w:szCs w:val="24"/>
        </w:rPr>
        <w:t>on</w:t>
      </w:r>
      <w:r>
        <w:rPr>
          <w:rFonts w:cs="Times New Roman"/>
          <w:szCs w:val="24"/>
        </w:rPr>
        <w:t xml:space="preserve"> aquellas columnas con </w:t>
      </w:r>
      <w:r w:rsidR="00EB4911">
        <w:rPr>
          <w:rFonts w:cs="Times New Roman"/>
          <w:szCs w:val="24"/>
        </w:rPr>
        <w:t>más</w:t>
      </w:r>
      <w:r>
        <w:rPr>
          <w:rFonts w:cs="Times New Roman"/>
          <w:szCs w:val="24"/>
        </w:rPr>
        <w:t xml:space="preserve"> del 50% de </w:t>
      </w:r>
      <w:r w:rsidR="00EB4911">
        <w:rPr>
          <w:rFonts w:cs="Times New Roman"/>
          <w:szCs w:val="24"/>
        </w:rPr>
        <w:t>filas</w:t>
      </w:r>
      <w:r>
        <w:rPr>
          <w:rFonts w:cs="Times New Roman"/>
          <w:szCs w:val="24"/>
        </w:rPr>
        <w:t xml:space="preserve"> </w:t>
      </w:r>
      <w:r w:rsidR="00EB4911">
        <w:rPr>
          <w:rFonts w:cs="Times New Roman"/>
          <w:szCs w:val="24"/>
        </w:rPr>
        <w:t>vacías</w:t>
      </w:r>
      <w:r>
        <w:rPr>
          <w:rFonts w:cs="Times New Roman"/>
          <w:szCs w:val="24"/>
        </w:rPr>
        <w:t>, ya que rellenar</w:t>
      </w:r>
      <w:r w:rsidR="00A53792">
        <w:rPr>
          <w:rFonts w:cs="Times New Roman"/>
          <w:szCs w:val="24"/>
        </w:rPr>
        <w:t xml:space="preserve"> con </w:t>
      </w:r>
      <w:r w:rsidR="000D3D1D">
        <w:rPr>
          <w:rFonts w:cs="Times New Roman"/>
          <w:szCs w:val="24"/>
        </w:rPr>
        <w:t>la mediana</w:t>
      </w:r>
      <w:r>
        <w:rPr>
          <w:rFonts w:cs="Times New Roman"/>
          <w:szCs w:val="24"/>
        </w:rPr>
        <w:t xml:space="preserve"> una columna prácticamente vacía sería falsear </w:t>
      </w:r>
      <w:r w:rsidR="003E18DC">
        <w:rPr>
          <w:rFonts w:cs="Times New Roman"/>
          <w:szCs w:val="24"/>
        </w:rPr>
        <w:t>demasiado</w:t>
      </w:r>
      <w:r>
        <w:rPr>
          <w:rFonts w:cs="Times New Roman"/>
          <w:szCs w:val="24"/>
        </w:rPr>
        <w:t xml:space="preserve"> </w:t>
      </w:r>
      <w:r w:rsidR="0055128E">
        <w:rPr>
          <w:rFonts w:cs="Times New Roman"/>
          <w:szCs w:val="24"/>
        </w:rPr>
        <w:t>el</w:t>
      </w:r>
      <w:r>
        <w:rPr>
          <w:rFonts w:cs="Times New Roman"/>
          <w:szCs w:val="24"/>
        </w:rPr>
        <w:t xml:space="preserve"> dataset</w:t>
      </w:r>
      <w:r w:rsidR="00D6754E">
        <w:rPr>
          <w:rFonts w:cs="Times New Roman"/>
          <w:szCs w:val="24"/>
        </w:rPr>
        <w:t xml:space="preserve">, haciendo que </w:t>
      </w:r>
      <w:r w:rsidR="001942CB">
        <w:rPr>
          <w:rFonts w:cs="Times New Roman"/>
          <w:szCs w:val="24"/>
        </w:rPr>
        <w:t>las</w:t>
      </w:r>
      <w:r w:rsidR="00D6754E">
        <w:rPr>
          <w:rFonts w:cs="Times New Roman"/>
          <w:szCs w:val="24"/>
        </w:rPr>
        <w:t xml:space="preserve"> predicciones no sean </w:t>
      </w:r>
      <w:r w:rsidR="00670E96">
        <w:rPr>
          <w:rFonts w:cs="Times New Roman"/>
          <w:szCs w:val="24"/>
        </w:rPr>
        <w:t>certeras y reflejen una realidad que no es</w:t>
      </w:r>
      <w:r>
        <w:rPr>
          <w:rFonts w:cs="Times New Roman"/>
          <w:szCs w:val="24"/>
        </w:rPr>
        <w:t>.</w:t>
      </w:r>
      <w:r w:rsidR="003E18DC">
        <w:rPr>
          <w:rFonts w:cs="Times New Roman"/>
          <w:szCs w:val="24"/>
        </w:rPr>
        <w:t xml:space="preserve"> A continuación, </w:t>
      </w:r>
      <w:r w:rsidR="00C94A61">
        <w:rPr>
          <w:rFonts w:cs="Times New Roman"/>
          <w:szCs w:val="24"/>
        </w:rPr>
        <w:t>se muestra</w:t>
      </w:r>
      <w:r w:rsidR="003E18DC">
        <w:rPr>
          <w:rFonts w:cs="Times New Roman"/>
          <w:szCs w:val="24"/>
        </w:rPr>
        <w:t xml:space="preserve"> la función para eliminar las columnas casi vacías.</w:t>
      </w:r>
    </w:p>
    <w:p w:rsidR="008B076C" w:rsidRDefault="008B076C" w:rsidP="00B32C5C">
      <w:pPr>
        <w:keepNext/>
        <w:jc w:val="center"/>
      </w:pPr>
      <w:r w:rsidRPr="008B076C">
        <w:rPr>
          <w:rFonts w:cs="Times New Roman"/>
          <w:noProof/>
          <w:szCs w:val="24"/>
          <w:lang w:eastAsia="es-ES"/>
        </w:rPr>
        <w:drawing>
          <wp:inline distT="0" distB="0" distL="0" distR="0" wp14:anchorId="17B75570" wp14:editId="2910B855">
            <wp:extent cx="5255136" cy="1638300"/>
            <wp:effectExtent l="0" t="0" r="3175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255136" cy="16383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46226" w:rsidRPr="00B46226" w:rsidRDefault="008B076C" w:rsidP="00991864">
      <w:pPr>
        <w:pStyle w:val="Caption"/>
        <w:spacing w:line="360" w:lineRule="auto"/>
      </w:pPr>
      <w:r>
        <w:t xml:space="preserve">Figura </w:t>
      </w:r>
      <w:r w:rsidR="00C50B98">
        <w:fldChar w:fldCharType="begin"/>
      </w:r>
      <w:r w:rsidR="00C50B98">
        <w:instrText xml:space="preserve"> SEQ Figura \* ARABIC </w:instrText>
      </w:r>
      <w:r w:rsidR="00C50B98">
        <w:fldChar w:fldCharType="separate"/>
      </w:r>
      <w:r w:rsidR="006C648B">
        <w:rPr>
          <w:noProof/>
        </w:rPr>
        <w:t>4</w:t>
      </w:r>
      <w:r w:rsidR="00C50B98">
        <w:fldChar w:fldCharType="end"/>
      </w:r>
      <w:r>
        <w:t>. Función para eliminar columnas con valores faltantes mayores o iguales al 50%</w:t>
      </w:r>
    </w:p>
    <w:p w:rsidR="008B076C" w:rsidRDefault="008B076C" w:rsidP="00B32C5C">
      <w:r>
        <w:lastRenderedPageBreak/>
        <w:t xml:space="preserve">Una vez eliminadas las columnas casi vacías, </w:t>
      </w:r>
      <w:r w:rsidR="00E74131">
        <w:t>se rellenaron</w:t>
      </w:r>
      <w:r>
        <w:t xml:space="preserve"> las demás columnas </w:t>
      </w:r>
      <w:r w:rsidR="000C730B">
        <w:t xml:space="preserve">con la mediana </w:t>
      </w:r>
      <w:r w:rsidR="00533500">
        <w:t xml:space="preserve">a través de </w:t>
      </w:r>
      <w:r>
        <w:t>la siguiente función:</w:t>
      </w:r>
    </w:p>
    <w:p w:rsidR="008B076C" w:rsidRDefault="008B076C" w:rsidP="00B32C5C">
      <w:pPr>
        <w:keepNext/>
        <w:jc w:val="center"/>
      </w:pPr>
      <w:r w:rsidRPr="008B076C">
        <w:rPr>
          <w:noProof/>
          <w:lang w:eastAsia="es-ES"/>
        </w:rPr>
        <w:drawing>
          <wp:inline distT="0" distB="0" distL="0" distR="0" wp14:anchorId="34DFA442" wp14:editId="0B521A7D">
            <wp:extent cx="5943600" cy="633730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6337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B076C" w:rsidRPr="008B076C" w:rsidRDefault="008B076C" w:rsidP="00B32C5C">
      <w:pPr>
        <w:pStyle w:val="Caption"/>
        <w:spacing w:line="360" w:lineRule="auto"/>
      </w:pPr>
      <w:r>
        <w:t xml:space="preserve">Figura </w:t>
      </w:r>
      <w:r w:rsidR="00C50B98">
        <w:fldChar w:fldCharType="begin"/>
      </w:r>
      <w:r w:rsidR="00C50B98">
        <w:instrText xml:space="preserve"> SEQ Figura \* ARABIC </w:instrText>
      </w:r>
      <w:r w:rsidR="00C50B98">
        <w:fldChar w:fldCharType="separate"/>
      </w:r>
      <w:r w:rsidR="006C648B">
        <w:rPr>
          <w:noProof/>
        </w:rPr>
        <w:t>5</w:t>
      </w:r>
      <w:r w:rsidR="00C50B98">
        <w:fldChar w:fldCharType="end"/>
      </w:r>
      <w:r>
        <w:t>. Función para rellenar columnas con filas vacías con la mediana</w:t>
      </w:r>
    </w:p>
    <w:p w:rsidR="00EC6BD5" w:rsidRDefault="00EC6BD5" w:rsidP="00B32C5C">
      <w:pPr>
        <w:rPr>
          <w:rFonts w:cs="Times New Roman"/>
          <w:szCs w:val="24"/>
        </w:rPr>
      </w:pPr>
    </w:p>
    <w:p w:rsidR="00306038" w:rsidRDefault="00306038" w:rsidP="00B32C5C">
      <w:pPr>
        <w:rPr>
          <w:rFonts w:cs="Times New Roman"/>
          <w:szCs w:val="24"/>
        </w:rPr>
      </w:pPr>
      <w:r>
        <w:rPr>
          <w:rFonts w:cs="Times New Roman"/>
          <w:szCs w:val="24"/>
        </w:rPr>
        <w:t xml:space="preserve">Una vez rellenadas las </w:t>
      </w:r>
      <w:r w:rsidR="00B124B9">
        <w:rPr>
          <w:rFonts w:cs="Times New Roman"/>
          <w:szCs w:val="24"/>
        </w:rPr>
        <w:t>columnas</w:t>
      </w:r>
      <w:r w:rsidR="00874760">
        <w:rPr>
          <w:rFonts w:cs="Times New Roman"/>
          <w:szCs w:val="24"/>
        </w:rPr>
        <w:t xml:space="preserve"> </w:t>
      </w:r>
      <w:r w:rsidR="002671A4">
        <w:rPr>
          <w:rFonts w:cs="Times New Roman"/>
          <w:szCs w:val="24"/>
        </w:rPr>
        <w:t>se puede confirmar</w:t>
      </w:r>
      <w:r w:rsidR="00874760">
        <w:rPr>
          <w:rFonts w:cs="Times New Roman"/>
          <w:szCs w:val="24"/>
        </w:rPr>
        <w:t xml:space="preserve"> que, efectivamente, </w:t>
      </w:r>
      <w:r>
        <w:rPr>
          <w:rFonts w:cs="Times New Roman"/>
          <w:szCs w:val="24"/>
        </w:rPr>
        <w:t xml:space="preserve">no </w:t>
      </w:r>
      <w:r w:rsidR="000A13F1">
        <w:rPr>
          <w:rFonts w:cs="Times New Roman"/>
          <w:szCs w:val="24"/>
        </w:rPr>
        <w:t xml:space="preserve">hay </w:t>
      </w:r>
      <w:r w:rsidR="00425909">
        <w:rPr>
          <w:rFonts w:cs="Times New Roman"/>
          <w:szCs w:val="24"/>
        </w:rPr>
        <w:t>ninguna columna</w:t>
      </w:r>
      <w:r>
        <w:rPr>
          <w:rFonts w:cs="Times New Roman"/>
          <w:szCs w:val="24"/>
        </w:rPr>
        <w:t xml:space="preserve"> con filas vacías.</w:t>
      </w:r>
    </w:p>
    <w:p w:rsidR="00E86DE3" w:rsidRDefault="00E86DE3" w:rsidP="00B32C5C">
      <w:pPr>
        <w:keepNext/>
        <w:jc w:val="center"/>
      </w:pPr>
      <w:r w:rsidRPr="00E86DE3">
        <w:rPr>
          <w:noProof/>
          <w:lang w:eastAsia="es-ES"/>
        </w:rPr>
        <w:drawing>
          <wp:inline distT="0" distB="0" distL="0" distR="0" wp14:anchorId="4465934D" wp14:editId="6821FAC7">
            <wp:extent cx="1637731" cy="2449173"/>
            <wp:effectExtent l="0" t="0" r="635" b="889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700361" cy="254283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E86DE3">
        <w:rPr>
          <w:noProof/>
          <w:lang w:eastAsia="es-ES"/>
        </w:rPr>
        <w:drawing>
          <wp:inline distT="0" distB="0" distL="0" distR="0" wp14:anchorId="03FA6005" wp14:editId="40B3BF2A">
            <wp:extent cx="1514902" cy="1958845"/>
            <wp:effectExtent l="0" t="0" r="9525" b="381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6602" cy="197397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86DE3" w:rsidRDefault="00E86DE3" w:rsidP="00B32C5C">
      <w:pPr>
        <w:pStyle w:val="Caption"/>
        <w:spacing w:line="360" w:lineRule="auto"/>
      </w:pPr>
      <w:r>
        <w:t xml:space="preserve">Figura </w:t>
      </w:r>
      <w:r w:rsidR="00C50B98">
        <w:fldChar w:fldCharType="begin"/>
      </w:r>
      <w:r w:rsidR="00C50B98">
        <w:instrText xml:space="preserve"> SEQ Figura \* ARABIC </w:instrText>
      </w:r>
      <w:r w:rsidR="00C50B98">
        <w:fldChar w:fldCharType="separate"/>
      </w:r>
      <w:r w:rsidR="006C648B">
        <w:rPr>
          <w:noProof/>
        </w:rPr>
        <w:t>6</w:t>
      </w:r>
      <w:r w:rsidR="00C50B98">
        <w:fldChar w:fldCharType="end"/>
      </w:r>
      <w:r>
        <w:t>. Confirmación de que todas las columnas están totalmente rellenas</w:t>
      </w:r>
    </w:p>
    <w:p w:rsidR="00F70C20" w:rsidRPr="00F70C20" w:rsidRDefault="00F70C20" w:rsidP="00F70C20"/>
    <w:p w:rsidR="00E86DE3" w:rsidRDefault="00E86DE3" w:rsidP="00B32C5C">
      <w:r>
        <w:t xml:space="preserve">Tras esta limpieza, </w:t>
      </w:r>
      <w:r w:rsidR="00CC533F">
        <w:t>se puede comprobar que</w:t>
      </w:r>
      <w:r w:rsidR="00106F0A">
        <w:t xml:space="preserve"> </w:t>
      </w:r>
      <w:r>
        <w:t xml:space="preserve">todas las columnas </w:t>
      </w:r>
      <w:r w:rsidR="00CA63D9">
        <w:t xml:space="preserve">están </w:t>
      </w:r>
      <w:r>
        <w:t>rellenas</w:t>
      </w:r>
      <w:r w:rsidR="00352099">
        <w:t>. Sin embargo,</w:t>
      </w:r>
      <w:r w:rsidR="001B30DC">
        <w:t xml:space="preserve"> en vez de</w:t>
      </w:r>
      <w:r>
        <w:t xml:space="preserve"> tener 61 columnas</w:t>
      </w:r>
      <w:r w:rsidR="00DF18FA">
        <w:t>, el dataset</w:t>
      </w:r>
      <w:r>
        <w:t xml:space="preserve"> </w:t>
      </w:r>
      <w:r w:rsidR="00DF18FA">
        <w:t xml:space="preserve">tiene </w:t>
      </w:r>
      <w:r>
        <w:t>47 columnas. 14 columnas tenían más del 50% de filas vacías.</w:t>
      </w:r>
    </w:p>
    <w:p w:rsidR="00CB1634" w:rsidRDefault="00CB1634" w:rsidP="00B32C5C"/>
    <w:p w:rsidR="00CB1634" w:rsidRDefault="00CB1634" w:rsidP="00CB1634">
      <w:pPr>
        <w:pStyle w:val="Heading2"/>
      </w:pPr>
      <w:r>
        <w:t xml:space="preserve">Visualización general </w:t>
      </w:r>
      <w:r w:rsidR="00224212">
        <w:t xml:space="preserve">y estudio </w:t>
      </w:r>
      <w:r>
        <w:t>de los datos</w:t>
      </w:r>
    </w:p>
    <w:p w:rsidR="00CB1634" w:rsidRDefault="00CB1634" w:rsidP="00CB1634">
      <w:r>
        <w:t>Después de detectar y limpiar a</w:t>
      </w:r>
      <w:r w:rsidR="002C76EB">
        <w:t>quellas columnas con datos vacío</w:t>
      </w:r>
      <w:r>
        <w:t xml:space="preserve">s, </w:t>
      </w:r>
      <w:r w:rsidR="00B90637">
        <w:t>se visualizaron</w:t>
      </w:r>
      <w:r>
        <w:t xml:space="preserve"> los datos a través de histogramas para entender un poco mejor </w:t>
      </w:r>
      <w:r w:rsidR="00792D76">
        <w:t>el</w:t>
      </w:r>
      <w:r>
        <w:t xml:space="preserve"> </w:t>
      </w:r>
      <w:r w:rsidR="00792D76">
        <w:t>conjunto de datos</w:t>
      </w:r>
      <w:r>
        <w:t>.</w:t>
      </w:r>
    </w:p>
    <w:p w:rsidR="00CB1634" w:rsidRPr="00CB1634" w:rsidRDefault="00CB1634" w:rsidP="00CB1634"/>
    <w:p w:rsidR="00C50B98" w:rsidRDefault="00133BF4" w:rsidP="00C50B98">
      <w:pPr>
        <w:keepNext/>
      </w:pPr>
      <w:r w:rsidRPr="00133BF4">
        <w:rPr>
          <w:noProof/>
          <w:lang w:eastAsia="es-ES"/>
        </w:rPr>
        <w:drawing>
          <wp:inline distT="0" distB="0" distL="0" distR="0" wp14:anchorId="50C29EC1" wp14:editId="066D956B">
            <wp:extent cx="5943600" cy="3400425"/>
            <wp:effectExtent l="0" t="0" r="0" b="9525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4004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F683E" w:rsidRDefault="00C50B98" w:rsidP="00C50B98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7</w:t>
      </w:r>
      <w:r>
        <w:fldChar w:fldCharType="end"/>
      </w:r>
      <w:r>
        <w:t>. Histogramas del dataset</w:t>
      </w:r>
    </w:p>
    <w:p w:rsidR="00C50B98" w:rsidRPr="00C50B98" w:rsidRDefault="00C50B98" w:rsidP="00C50B98"/>
    <w:p w:rsidR="00EA768F" w:rsidRDefault="00072CE5" w:rsidP="00B32C5C">
      <w:r>
        <w:t xml:space="preserve">Tras visualizar estos datos, </w:t>
      </w:r>
      <w:r w:rsidR="00AD72F2">
        <w:t>se puede estudiar</w:t>
      </w:r>
      <w:r>
        <w:t xml:space="preserve"> cada columna de manera más sencilla.</w:t>
      </w:r>
      <w:r w:rsidR="00E61039">
        <w:t xml:space="preserve"> A continuación</w:t>
      </w:r>
      <w:r w:rsidR="0094330A">
        <w:t>,</w:t>
      </w:r>
      <w:r w:rsidR="00E61039">
        <w:t xml:space="preserve"> se detallará el </w:t>
      </w:r>
      <w:r w:rsidR="005A7EF4">
        <w:t>análisis</w:t>
      </w:r>
      <w:r w:rsidR="00E61039">
        <w:t xml:space="preserve"> realizado sobre algunas columnas</w:t>
      </w:r>
      <w:r w:rsidR="00A23265">
        <w:t xml:space="preserve"> cuyo </w:t>
      </w:r>
      <w:r w:rsidR="00C14E7F">
        <w:t>estudio</w:t>
      </w:r>
      <w:r w:rsidR="00A23265">
        <w:t xml:space="preserve"> es interesante</w:t>
      </w:r>
      <w:r w:rsidR="00EA768F">
        <w:t>:</w:t>
      </w:r>
    </w:p>
    <w:p w:rsidR="008D250A" w:rsidRPr="002F7249" w:rsidRDefault="00AA202A" w:rsidP="006149CC">
      <w:pPr>
        <w:pStyle w:val="ListParagraph"/>
        <w:numPr>
          <w:ilvl w:val="0"/>
          <w:numId w:val="1"/>
        </w:numPr>
        <w:ind w:right="571"/>
        <w:rPr>
          <w:b/>
        </w:rPr>
      </w:pPr>
      <w:r>
        <w:rPr>
          <w:b/>
        </w:rPr>
        <w:t>ETNIA</w:t>
      </w:r>
      <w:r w:rsidR="00CF6628">
        <w:rPr>
          <w:b/>
        </w:rPr>
        <w:t>.</w:t>
      </w:r>
      <w:r w:rsidR="00EA768F">
        <w:rPr>
          <w:b/>
        </w:rPr>
        <w:t xml:space="preserve"> </w:t>
      </w:r>
      <w:r w:rsidR="00A4537F">
        <w:t xml:space="preserve">Esta columna no es muy </w:t>
      </w:r>
      <w:r w:rsidR="00E80007">
        <w:t>relevante</w:t>
      </w:r>
      <w:r w:rsidR="00A4537F">
        <w:t xml:space="preserve"> a la hora de predecir la recidiva bioquímica. </w:t>
      </w:r>
      <w:r w:rsidR="00796729">
        <w:t>Además, e</w:t>
      </w:r>
      <w:r w:rsidR="00EA768F">
        <w:t>stos estudios se realizaron en España, por lo que la mayoría</w:t>
      </w:r>
      <w:r w:rsidR="00293F3D">
        <w:t xml:space="preserve"> de la población es caucásica, y n</w:t>
      </w:r>
      <w:r w:rsidR="00EA768F">
        <w:t xml:space="preserve">o aportaría mucha información. Puede producir </w:t>
      </w:r>
      <w:r w:rsidR="00EA768F" w:rsidRPr="003D6CF2">
        <w:rPr>
          <w:i/>
        </w:rPr>
        <w:t>overf</w:t>
      </w:r>
      <w:r w:rsidR="00C31ABE" w:rsidRPr="003D6CF2">
        <w:rPr>
          <w:i/>
        </w:rPr>
        <w:t>itting</w:t>
      </w:r>
      <w:r w:rsidR="00C31ABE">
        <w:t xml:space="preserve"> si dejamos esta columna, ya que e</w:t>
      </w:r>
      <w:r w:rsidR="00EA768F">
        <w:t>l hecho de ser caucásico influenciaría demasiado sobre la predicción</w:t>
      </w:r>
      <w:r w:rsidR="00B05C19">
        <w:t>.</w:t>
      </w:r>
    </w:p>
    <w:p w:rsidR="002F7249" w:rsidRPr="002F7249" w:rsidRDefault="002F7249" w:rsidP="002F7249">
      <w:pPr>
        <w:pStyle w:val="ListParagraph"/>
        <w:rPr>
          <w:b/>
        </w:rPr>
      </w:pPr>
    </w:p>
    <w:p w:rsidR="008D250A" w:rsidRPr="00375A3B" w:rsidRDefault="00CF6628" w:rsidP="006149CC">
      <w:pPr>
        <w:pStyle w:val="ListParagraph"/>
        <w:numPr>
          <w:ilvl w:val="0"/>
          <w:numId w:val="1"/>
        </w:numPr>
        <w:ind w:right="571"/>
        <w:rPr>
          <w:b/>
        </w:rPr>
      </w:pPr>
      <w:r>
        <w:rPr>
          <w:b/>
        </w:rPr>
        <w:t>IPERIN.</w:t>
      </w:r>
      <w:r w:rsidR="008D250A">
        <w:t xml:space="preserve"> Hay tres categorías (</w:t>
      </w:r>
      <w:r w:rsidR="007A06BB">
        <w:t>“</w:t>
      </w:r>
      <w:r w:rsidR="008D250A">
        <w:t>si</w:t>
      </w:r>
      <w:r w:rsidR="007A06BB">
        <w:t>”</w:t>
      </w:r>
      <w:r w:rsidR="008D250A">
        <w:t xml:space="preserve">, </w:t>
      </w:r>
      <w:r w:rsidR="007A06BB">
        <w:t>“</w:t>
      </w:r>
      <w:r w:rsidR="008D250A">
        <w:t>no</w:t>
      </w:r>
      <w:r w:rsidR="007A06BB">
        <w:t>”</w:t>
      </w:r>
      <w:r w:rsidR="008D250A">
        <w:t xml:space="preserve">, </w:t>
      </w:r>
      <w:r w:rsidR="007A06BB">
        <w:t>“</w:t>
      </w:r>
      <w:r w:rsidR="008D250A">
        <w:t>nc</w:t>
      </w:r>
      <w:r w:rsidR="007A06BB">
        <w:t>”</w:t>
      </w:r>
      <w:r w:rsidR="008D250A">
        <w:t>). La mayoría de los casos no se conocen</w:t>
      </w:r>
      <w:r w:rsidR="008E6461">
        <w:t xml:space="preserve"> (</w:t>
      </w:r>
      <w:r w:rsidR="007A06BB">
        <w:t>“</w:t>
      </w:r>
      <w:r w:rsidR="008E6461">
        <w:t>nc</w:t>
      </w:r>
      <w:r w:rsidR="007A06BB">
        <w:t>”</w:t>
      </w:r>
      <w:r w:rsidR="008E6461">
        <w:t>)</w:t>
      </w:r>
      <w:r w:rsidR="008D250A">
        <w:t xml:space="preserve">. Al tener menos de 30 casos conocidos (sobre los más de 200), no tiene mucho sentido utilizar esta variable, ya que solo añadiría ruido a </w:t>
      </w:r>
      <w:r w:rsidR="00BE29B3">
        <w:t>los</w:t>
      </w:r>
      <w:r w:rsidR="008D250A">
        <w:t xml:space="preserve"> modelo</w:t>
      </w:r>
      <w:r w:rsidR="004B3DC3">
        <w:t>s</w:t>
      </w:r>
      <w:r w:rsidR="008D250A">
        <w:t>.</w:t>
      </w:r>
    </w:p>
    <w:p w:rsidR="00375A3B" w:rsidRPr="00375A3B" w:rsidRDefault="00375A3B" w:rsidP="00375A3B">
      <w:pPr>
        <w:pStyle w:val="ListParagraph"/>
        <w:rPr>
          <w:b/>
        </w:rPr>
      </w:pPr>
    </w:p>
    <w:p w:rsidR="00375A3B" w:rsidRPr="00854427" w:rsidRDefault="00375A3B" w:rsidP="006149CC">
      <w:pPr>
        <w:pStyle w:val="ListParagraph"/>
        <w:numPr>
          <w:ilvl w:val="0"/>
          <w:numId w:val="1"/>
        </w:numPr>
        <w:ind w:right="571"/>
        <w:rPr>
          <w:b/>
        </w:rPr>
      </w:pPr>
      <w:r>
        <w:rPr>
          <w:b/>
        </w:rPr>
        <w:lastRenderedPageBreak/>
        <w:t>LINF, LINF2, IVASCU e IVASCU2</w:t>
      </w:r>
      <w:r w:rsidR="00CF6628">
        <w:rPr>
          <w:b/>
        </w:rPr>
        <w:t>.</w:t>
      </w:r>
      <w:r>
        <w:rPr>
          <w:b/>
        </w:rPr>
        <w:t xml:space="preserve"> </w:t>
      </w:r>
      <w:r>
        <w:t xml:space="preserve">Hay </w:t>
      </w:r>
      <w:r w:rsidR="00B44922">
        <w:t xml:space="preserve">tres </w:t>
      </w:r>
      <w:r>
        <w:t>categorías (</w:t>
      </w:r>
      <w:r w:rsidR="007A06BB">
        <w:t>“</w:t>
      </w:r>
      <w:r>
        <w:t>si</w:t>
      </w:r>
      <w:r w:rsidR="007A06BB">
        <w:t>”</w:t>
      </w:r>
      <w:r>
        <w:t xml:space="preserve">, </w:t>
      </w:r>
      <w:r w:rsidR="007A06BB">
        <w:t>“</w:t>
      </w:r>
      <w:r>
        <w:t>no</w:t>
      </w:r>
      <w:r w:rsidR="007A06BB">
        <w:t>”</w:t>
      </w:r>
      <w:r>
        <w:t xml:space="preserve">, </w:t>
      </w:r>
      <w:r w:rsidR="007A06BB">
        <w:t>“</w:t>
      </w:r>
      <w:r>
        <w:t>nc</w:t>
      </w:r>
      <w:r w:rsidR="007A06BB">
        <w:t>”</w:t>
      </w:r>
      <w:r>
        <w:t>). La mayoría de los casos no se conocen (</w:t>
      </w:r>
      <w:r w:rsidR="007A06BB">
        <w:t>“</w:t>
      </w:r>
      <w:r>
        <w:t>nc</w:t>
      </w:r>
      <w:r w:rsidR="007A06BB">
        <w:t>”</w:t>
      </w:r>
      <w:r>
        <w:t>). No tiene mucho sentido utilizar estas variables, ya que, al igual que el caso anterior, solo añadiría</w:t>
      </w:r>
      <w:r w:rsidR="00EB7F8D">
        <w:t>n</w:t>
      </w:r>
      <w:r>
        <w:t xml:space="preserve"> ruido a </w:t>
      </w:r>
      <w:r w:rsidR="00FA0769">
        <w:t>los</w:t>
      </w:r>
      <w:r>
        <w:t xml:space="preserve"> modelo</w:t>
      </w:r>
      <w:r w:rsidR="008A31F1">
        <w:t>s</w:t>
      </w:r>
      <w:r>
        <w:t>.</w:t>
      </w:r>
    </w:p>
    <w:p w:rsidR="00854427" w:rsidRPr="00854427" w:rsidRDefault="00854427" w:rsidP="00854427">
      <w:pPr>
        <w:pStyle w:val="ListParagraph"/>
        <w:rPr>
          <w:b/>
        </w:rPr>
      </w:pPr>
    </w:p>
    <w:p w:rsidR="00854427" w:rsidRPr="00A83984" w:rsidRDefault="00CF6628" w:rsidP="006149CC">
      <w:pPr>
        <w:pStyle w:val="ListParagraph"/>
        <w:numPr>
          <w:ilvl w:val="0"/>
          <w:numId w:val="1"/>
        </w:numPr>
        <w:ind w:right="571"/>
        <w:rPr>
          <w:b/>
        </w:rPr>
      </w:pPr>
      <w:r>
        <w:rPr>
          <w:b/>
        </w:rPr>
        <w:t>FALLEC.</w:t>
      </w:r>
      <w:r w:rsidR="00854427">
        <w:rPr>
          <w:b/>
        </w:rPr>
        <w:t xml:space="preserve"> </w:t>
      </w:r>
      <w:r w:rsidR="00854427">
        <w:t xml:space="preserve">Esta variable se tiene que eliminar, ya que el fallecimiento no influye en nada en la predicción de la recidiva bioquímica. Además, </w:t>
      </w:r>
      <w:r w:rsidR="007A2A4F">
        <w:t xml:space="preserve">el fallecimiento </w:t>
      </w:r>
      <w:r w:rsidR="00854427">
        <w:t>es una consecuencia</w:t>
      </w:r>
      <w:r w:rsidR="0057119E">
        <w:t xml:space="preserve"> de la recidiva</w:t>
      </w:r>
      <w:r w:rsidR="002D270D">
        <w:t>, no una causa, por lo que u</w:t>
      </w:r>
      <w:r w:rsidR="00854427">
        <w:t xml:space="preserve">sarlo </w:t>
      </w:r>
      <w:r w:rsidR="00EE2003">
        <w:t xml:space="preserve">en </w:t>
      </w:r>
      <w:r w:rsidR="00017427">
        <w:t>los</w:t>
      </w:r>
      <w:r w:rsidR="00EE2003">
        <w:t xml:space="preserve"> modelo</w:t>
      </w:r>
      <w:r w:rsidR="008A31F1">
        <w:t>s</w:t>
      </w:r>
      <w:r w:rsidR="00EE2003">
        <w:t xml:space="preserve"> </w:t>
      </w:r>
      <w:r w:rsidR="00854427">
        <w:t xml:space="preserve">no tiene ningún </w:t>
      </w:r>
      <w:r w:rsidR="00550DAC">
        <w:t xml:space="preserve">tipo de </w:t>
      </w:r>
      <w:r w:rsidR="00854427">
        <w:t>sentido.</w:t>
      </w:r>
    </w:p>
    <w:p w:rsidR="00A83984" w:rsidRPr="00A83984" w:rsidRDefault="00A83984" w:rsidP="00A83984">
      <w:pPr>
        <w:pStyle w:val="ListParagraph"/>
        <w:rPr>
          <w:b/>
        </w:rPr>
      </w:pPr>
    </w:p>
    <w:p w:rsidR="00F57EBF" w:rsidRPr="00995616" w:rsidRDefault="00CF6628" w:rsidP="00995616">
      <w:pPr>
        <w:pStyle w:val="ListParagraph"/>
        <w:numPr>
          <w:ilvl w:val="0"/>
          <w:numId w:val="1"/>
        </w:numPr>
        <w:ind w:right="571"/>
        <w:rPr>
          <w:b/>
        </w:rPr>
      </w:pPr>
      <w:r>
        <w:rPr>
          <w:b/>
        </w:rPr>
        <w:t xml:space="preserve">IPERIN2. </w:t>
      </w:r>
      <w:r w:rsidR="00A83984">
        <w:t>Hay tres variables (</w:t>
      </w:r>
      <w:r w:rsidR="007A06BB">
        <w:t>“</w:t>
      </w:r>
      <w:r w:rsidR="00A83984">
        <w:t>si</w:t>
      </w:r>
      <w:r w:rsidR="007A06BB">
        <w:t>”</w:t>
      </w:r>
      <w:r w:rsidR="00A83984">
        <w:t xml:space="preserve">, </w:t>
      </w:r>
      <w:r w:rsidR="007A06BB">
        <w:t>“</w:t>
      </w:r>
      <w:r w:rsidR="00A83984">
        <w:t>no</w:t>
      </w:r>
      <w:r w:rsidR="007A06BB">
        <w:t>”</w:t>
      </w:r>
      <w:r w:rsidR="00A83984">
        <w:t xml:space="preserve">, </w:t>
      </w:r>
      <w:r w:rsidR="007A06BB">
        <w:t>“</w:t>
      </w:r>
      <w:r w:rsidR="00A83984">
        <w:t>nc</w:t>
      </w:r>
      <w:r w:rsidR="007A06BB">
        <w:t>”</w:t>
      </w:r>
      <w:r w:rsidR="00A83984">
        <w:t xml:space="preserve">). La mayoría de la población está repartida entre el </w:t>
      </w:r>
      <w:r w:rsidR="007A06BB">
        <w:t>“</w:t>
      </w:r>
      <w:r w:rsidR="00A83984">
        <w:t>sí</w:t>
      </w:r>
      <w:r w:rsidR="007A06BB">
        <w:t>”</w:t>
      </w:r>
      <w:r w:rsidR="00A83984">
        <w:t xml:space="preserve"> y el </w:t>
      </w:r>
      <w:r w:rsidR="007A06BB">
        <w:t>“</w:t>
      </w:r>
      <w:r w:rsidR="00CF09A2">
        <w:t>nc</w:t>
      </w:r>
      <w:r w:rsidR="007A06BB">
        <w:t>”</w:t>
      </w:r>
      <w:r w:rsidR="00104388">
        <w:t xml:space="preserve">, siendo el </w:t>
      </w:r>
      <w:r w:rsidR="007A06BB">
        <w:t>“</w:t>
      </w:r>
      <w:r w:rsidR="00104388">
        <w:t>sí</w:t>
      </w:r>
      <w:r w:rsidR="007A06BB">
        <w:t>”</w:t>
      </w:r>
      <w:r w:rsidR="00104388">
        <w:t xml:space="preserve"> el </w:t>
      </w:r>
      <w:r w:rsidR="007A06BB">
        <w:t>que tiene mayor peso</w:t>
      </w:r>
      <w:r w:rsidR="00A83984">
        <w:t xml:space="preserve">. Para este caso </w:t>
      </w:r>
      <w:r w:rsidR="00694546">
        <w:t>se ha</w:t>
      </w:r>
      <w:r w:rsidR="00A83984">
        <w:t xml:space="preserve"> </w:t>
      </w:r>
      <w:r w:rsidR="004B7A7D">
        <w:t xml:space="preserve">decidido </w:t>
      </w:r>
      <w:r w:rsidR="00A83984">
        <w:t xml:space="preserve">reasignar </w:t>
      </w:r>
      <w:r w:rsidR="00FD48C1">
        <w:t>todos los casos de</w:t>
      </w:r>
      <w:r w:rsidR="00A83984">
        <w:t xml:space="preserve"> </w:t>
      </w:r>
      <w:r w:rsidR="007A06BB">
        <w:t>“</w:t>
      </w:r>
      <w:r w:rsidR="00A83984">
        <w:t>nc</w:t>
      </w:r>
      <w:r w:rsidR="007A06BB">
        <w:t>”</w:t>
      </w:r>
      <w:r w:rsidR="00A83984">
        <w:t xml:space="preserve"> al</w:t>
      </w:r>
      <w:r w:rsidR="007A06BB">
        <w:t xml:space="preserve"> “</w:t>
      </w:r>
      <w:r w:rsidR="00A83984">
        <w:t>si</w:t>
      </w:r>
      <w:r w:rsidR="007A06BB">
        <w:t>”</w:t>
      </w:r>
      <w:r w:rsidR="00A83984">
        <w:t xml:space="preserve"> o al </w:t>
      </w:r>
      <w:r w:rsidR="007A06BB">
        <w:t>“</w:t>
      </w:r>
      <w:r w:rsidR="00A83984">
        <w:t>no</w:t>
      </w:r>
      <w:r w:rsidR="007A06BB">
        <w:t>”</w:t>
      </w:r>
      <w:r w:rsidR="00A83984">
        <w:t xml:space="preserve"> de manera aleatoria</w:t>
      </w:r>
      <w:r w:rsidR="009E1C63">
        <w:t>.</w:t>
      </w:r>
    </w:p>
    <w:p w:rsidR="00995616" w:rsidRDefault="00995616" w:rsidP="00F57EBF">
      <w:pPr>
        <w:pStyle w:val="ListParagraph"/>
        <w:keepNext/>
        <w:jc w:val="center"/>
        <w:rPr>
          <w:b/>
          <w:noProof/>
          <w:lang w:eastAsia="es-ES"/>
        </w:rPr>
      </w:pPr>
    </w:p>
    <w:p w:rsidR="00F57EBF" w:rsidRDefault="00F57EBF" w:rsidP="00F57EBF">
      <w:pPr>
        <w:pStyle w:val="ListParagraph"/>
        <w:keepNext/>
        <w:jc w:val="center"/>
      </w:pPr>
      <w:r w:rsidRPr="00F57EBF">
        <w:rPr>
          <w:b/>
          <w:noProof/>
          <w:lang w:eastAsia="es-ES"/>
        </w:rPr>
        <w:drawing>
          <wp:inline distT="0" distB="0" distL="0" distR="0" wp14:anchorId="680345C9" wp14:editId="6B3B81A9">
            <wp:extent cx="3829050" cy="2943142"/>
            <wp:effectExtent l="0" t="0" r="0" b="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6"/>
                    <a:srcRect t="1595" b="1"/>
                    <a:stretch/>
                  </pic:blipFill>
                  <pic:spPr bwMode="auto">
                    <a:xfrm>
                      <a:off x="0" y="0"/>
                      <a:ext cx="3829584" cy="2943552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F57EBF" w:rsidRDefault="00F57EBF" w:rsidP="00F57EBF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8</w:t>
      </w:r>
      <w:r>
        <w:fldChar w:fldCharType="end"/>
      </w:r>
      <w:r>
        <w:t>. Casos de IPERIN en el dataset</w:t>
      </w:r>
    </w:p>
    <w:p w:rsidR="007A06BB" w:rsidRPr="007A06BB" w:rsidRDefault="007A06BB" w:rsidP="007A06BB"/>
    <w:p w:rsidR="006149CC" w:rsidRDefault="00F57EBF" w:rsidP="006149CC">
      <w:pPr>
        <w:ind w:left="720" w:right="571"/>
      </w:pPr>
      <w:r>
        <w:t xml:space="preserve">Para realizar la reasignación aleatoria de los </w:t>
      </w:r>
      <w:r w:rsidR="007C6761">
        <w:t>“</w:t>
      </w:r>
      <w:r>
        <w:t>nc</w:t>
      </w:r>
      <w:r w:rsidR="007C6761">
        <w:t>”</w:t>
      </w:r>
      <w:r>
        <w:t xml:space="preserve">, </w:t>
      </w:r>
      <w:r w:rsidR="00C65EAE">
        <w:t>se ha utilizado</w:t>
      </w:r>
      <w:r>
        <w:t xml:space="preserve"> la función descrita a continuación:</w:t>
      </w:r>
    </w:p>
    <w:p w:rsidR="007A06BB" w:rsidRDefault="00E65658" w:rsidP="00061D02">
      <w:pPr>
        <w:keepNext/>
        <w:ind w:firstLine="720"/>
        <w:jc w:val="center"/>
      </w:pPr>
      <w:r w:rsidRPr="00E65658">
        <w:rPr>
          <w:noProof/>
          <w:lang w:eastAsia="es-ES"/>
        </w:rPr>
        <w:lastRenderedPageBreak/>
        <w:drawing>
          <wp:inline distT="0" distB="0" distL="0" distR="0" wp14:anchorId="19D06BF1" wp14:editId="306D280D">
            <wp:extent cx="5931673" cy="718820"/>
            <wp:effectExtent l="0" t="0" r="0" b="508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17"/>
                    <a:srcRect l="-1" r="-15656"/>
                    <a:stretch/>
                  </pic:blipFill>
                  <pic:spPr bwMode="auto">
                    <a:xfrm>
                      <a:off x="0" y="0"/>
                      <a:ext cx="5941798" cy="720047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A06BB" w:rsidRDefault="007A06BB" w:rsidP="007A06BB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9</w:t>
      </w:r>
      <w:r>
        <w:fldChar w:fldCharType="end"/>
      </w:r>
      <w:r>
        <w:t>. Función para reasignar los casos de "nc"</w:t>
      </w:r>
    </w:p>
    <w:p w:rsidR="00AB22A0" w:rsidRDefault="00AB22A0" w:rsidP="00AB22A0"/>
    <w:p w:rsidR="00AB22A0" w:rsidRDefault="006F190D" w:rsidP="006149CC">
      <w:pPr>
        <w:ind w:left="720" w:right="571" w:hanging="11"/>
      </w:pPr>
      <w:r>
        <w:t xml:space="preserve">Una </w:t>
      </w:r>
      <w:r w:rsidR="00AB22A0">
        <w:t xml:space="preserve">vez realizadas las reasignaciones, </w:t>
      </w:r>
      <w:r w:rsidR="008600F3">
        <w:t>se obtuvo</w:t>
      </w:r>
      <w:r w:rsidR="00AB22A0">
        <w:t xml:space="preserve"> un nuevo IPERIN2 sin los casos “nc”, tal y como se muestra en el histograma de la </w:t>
      </w:r>
      <w:r w:rsidR="00AB22A0" w:rsidRPr="00AB22A0">
        <w:rPr>
          <w:i/>
        </w:rPr>
        <w:t>Figura 10</w:t>
      </w:r>
      <w:r w:rsidR="00AB22A0">
        <w:t xml:space="preserve">. Nótese </w:t>
      </w:r>
      <w:r w:rsidR="00736ACE">
        <w:t>que,</w:t>
      </w:r>
      <w:r w:rsidR="00AB22A0">
        <w:t xml:space="preserve"> al ser aleatorio, el histograma no será el mismo en todas las </w:t>
      </w:r>
      <w:r w:rsidR="004074EA">
        <w:t>ejecuciones</w:t>
      </w:r>
      <w:r w:rsidR="001C1095">
        <w:t>, pero en la mayoría de casos habrá un mayor balance entre el “</w:t>
      </w:r>
      <w:r w:rsidR="00D54C0A">
        <w:t>si</w:t>
      </w:r>
      <w:r w:rsidR="001C1095">
        <w:t>” y el “</w:t>
      </w:r>
      <w:r w:rsidR="00D54C0A">
        <w:t>no</w:t>
      </w:r>
      <w:r w:rsidR="00206245">
        <w:t>”</w:t>
      </w:r>
      <w:r w:rsidR="00E65658">
        <w:t>.</w:t>
      </w:r>
    </w:p>
    <w:p w:rsidR="00AB22A0" w:rsidRDefault="00E65658" w:rsidP="00061D02">
      <w:pPr>
        <w:keepNext/>
        <w:ind w:firstLine="720"/>
        <w:jc w:val="center"/>
      </w:pPr>
      <w:r w:rsidRPr="00E65658">
        <w:rPr>
          <w:noProof/>
          <w:lang w:eastAsia="es-ES"/>
        </w:rPr>
        <w:drawing>
          <wp:inline distT="0" distB="0" distL="0" distR="0" wp14:anchorId="23368946" wp14:editId="6789374E">
            <wp:extent cx="3762900" cy="2915057"/>
            <wp:effectExtent l="0" t="0" r="9525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3762900" cy="291505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B22A0" w:rsidRDefault="00AB22A0" w:rsidP="00061D02">
      <w:pPr>
        <w:pStyle w:val="Caption"/>
        <w:ind w:firstLine="720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10</w:t>
      </w:r>
      <w:r>
        <w:fldChar w:fldCharType="end"/>
      </w:r>
      <w:r>
        <w:t>. IPERIN2 tras las reasignaciones aleatorias</w:t>
      </w:r>
    </w:p>
    <w:p w:rsidR="00CF6628" w:rsidRPr="00CF6628" w:rsidRDefault="00CF6628" w:rsidP="00CF6628"/>
    <w:p w:rsidR="002721EA" w:rsidRDefault="00CF6628" w:rsidP="006149CC">
      <w:pPr>
        <w:pStyle w:val="ListParagraph"/>
        <w:numPr>
          <w:ilvl w:val="0"/>
          <w:numId w:val="2"/>
        </w:numPr>
        <w:ind w:right="571"/>
      </w:pPr>
      <w:r>
        <w:rPr>
          <w:b/>
        </w:rPr>
        <w:t xml:space="preserve">RBQ. </w:t>
      </w:r>
      <w:r w:rsidR="00AB584C">
        <w:t xml:space="preserve">Esta es </w:t>
      </w:r>
      <w:r w:rsidR="00366D13">
        <w:t>la</w:t>
      </w:r>
      <w:r w:rsidR="00AB584C">
        <w:t xml:space="preserve"> variable a predecir. </w:t>
      </w:r>
      <w:r>
        <w:t xml:space="preserve">Tiene tres </w:t>
      </w:r>
      <w:r w:rsidR="00EC26F7">
        <w:t>categorías</w:t>
      </w:r>
      <w:r>
        <w:t xml:space="preserve">: “SI (CASOS)”, “NO (CONTROLES)” y </w:t>
      </w:r>
      <w:r w:rsidR="005A193A">
        <w:t>“</w:t>
      </w:r>
      <w:r>
        <w:t>PERSISTENCIA PSA</w:t>
      </w:r>
      <w:r w:rsidR="005A193A">
        <w:t>”</w:t>
      </w:r>
      <w:r>
        <w:t>.</w:t>
      </w:r>
      <w:r w:rsidR="005F0AAB">
        <w:t xml:space="preserve"> </w:t>
      </w:r>
      <w:r w:rsidR="00EC26F7">
        <w:t>Después de realizar el análisis de esta co</w:t>
      </w:r>
      <w:r w:rsidR="0019629D">
        <w:t xml:space="preserve">lumna, </w:t>
      </w:r>
      <w:r w:rsidR="002B4F06">
        <w:t>se preguntó</w:t>
      </w:r>
      <w:r w:rsidR="0019629D">
        <w:t xml:space="preserve"> </w:t>
      </w:r>
      <w:r w:rsidR="002B4F06">
        <w:t xml:space="preserve">al </w:t>
      </w:r>
      <w:r w:rsidR="0019629D">
        <w:t>co</w:t>
      </w:r>
      <w:r w:rsidR="00EC26F7">
        <w:t>director de</w:t>
      </w:r>
      <w:r w:rsidR="005A747B">
        <w:t>l</w:t>
      </w:r>
      <w:r w:rsidR="00EC26F7">
        <w:t xml:space="preserve"> proyecto sobre la relevancia de “PERSISTENCIA PSA”</w:t>
      </w:r>
      <w:r w:rsidR="001A6C9F">
        <w:t>, ya que son casos muy escasos</w:t>
      </w:r>
      <w:r w:rsidR="00C90475">
        <w:t xml:space="preserve"> (menos de 10 casos)</w:t>
      </w:r>
      <w:r w:rsidR="00EC26F7">
        <w:t>.</w:t>
      </w:r>
      <w:r>
        <w:t xml:space="preserve"> </w:t>
      </w:r>
      <w:r w:rsidR="00DB335C">
        <w:t>La respuesta fue</w:t>
      </w:r>
      <w:r w:rsidR="001A6C9F">
        <w:t xml:space="preserve"> que la </w:t>
      </w:r>
      <w:r w:rsidR="00DB335C">
        <w:t>“</w:t>
      </w:r>
      <w:r w:rsidR="001A6C9F">
        <w:t>PERSISTENCIA PSA</w:t>
      </w:r>
      <w:r w:rsidR="00DB335C">
        <w:t>”</w:t>
      </w:r>
      <w:r w:rsidR="001A6C9F">
        <w:t xml:space="preserve"> no tien</w:t>
      </w:r>
      <w:r w:rsidR="00DB335C">
        <w:t>e mucho impacto sobre la RBQ</w:t>
      </w:r>
      <w:r w:rsidR="0064302A">
        <w:t xml:space="preserve"> y que se puede </w:t>
      </w:r>
      <w:r w:rsidR="00945FCE">
        <w:t>descartar</w:t>
      </w:r>
      <w:r w:rsidR="00481CED">
        <w:t xml:space="preserve">. </w:t>
      </w:r>
      <w:r w:rsidR="000E5AB9">
        <w:t xml:space="preserve">Nuestro predictor se convierte </w:t>
      </w:r>
      <w:r w:rsidR="00317CDF">
        <w:t xml:space="preserve">entonces </w:t>
      </w:r>
      <w:r w:rsidR="000E5AB9">
        <w:t xml:space="preserve">en un clasificador binario, el cual </w:t>
      </w:r>
      <w:r w:rsidR="008C2613">
        <w:t xml:space="preserve">se </w:t>
      </w:r>
      <w:r w:rsidR="000E5AB9">
        <w:t xml:space="preserve">limita </w:t>
      </w:r>
      <w:r w:rsidR="008C2613">
        <w:t>a predecir “SI” o “NO”.</w:t>
      </w:r>
    </w:p>
    <w:p w:rsidR="002721EA" w:rsidRDefault="004C332C" w:rsidP="004C332C">
      <w:pPr>
        <w:pStyle w:val="ListParagraph"/>
        <w:jc w:val="center"/>
      </w:pPr>
      <w:r w:rsidRPr="006E7389">
        <w:rPr>
          <w:noProof/>
          <w:lang w:eastAsia="es-ES"/>
        </w:rPr>
        <w:lastRenderedPageBreak/>
        <w:drawing>
          <wp:inline distT="0" distB="0" distL="0" distR="0" wp14:anchorId="2BBC49BC" wp14:editId="71657A20">
            <wp:extent cx="3867690" cy="3115110"/>
            <wp:effectExtent l="0" t="0" r="0" b="9525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3867690" cy="31151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4C332C" w:rsidRDefault="004C332C" w:rsidP="004C332C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11</w:t>
      </w:r>
      <w:r>
        <w:fldChar w:fldCharType="end"/>
      </w:r>
      <w:r>
        <w:t>. Histograma de RBQ (con PERSISTENCIA PSA)</w:t>
      </w:r>
    </w:p>
    <w:p w:rsidR="0084447D" w:rsidRDefault="00871FA8" w:rsidP="0084447D">
      <w:r>
        <w:tab/>
      </w:r>
    </w:p>
    <w:p w:rsidR="00871FA8" w:rsidRPr="0084447D" w:rsidRDefault="00871FA8" w:rsidP="006149CC">
      <w:pPr>
        <w:ind w:left="709" w:right="571"/>
      </w:pPr>
      <w:r>
        <w:tab/>
        <w:t>L</w:t>
      </w:r>
      <w:r w:rsidR="009B299D">
        <w:t>a función para eliminar</w:t>
      </w:r>
      <w:r w:rsidR="00383F7C">
        <w:t xml:space="preserve"> </w:t>
      </w:r>
      <w:r>
        <w:t>los casos de “PERSISTENCIA PSA”</w:t>
      </w:r>
      <w:r w:rsidR="00072B42">
        <w:t xml:space="preserve"> mediante reasignaciones</w:t>
      </w:r>
      <w:r>
        <w:t xml:space="preserve"> a “SI” o “NO” </w:t>
      </w:r>
      <w:r w:rsidR="00383F7C">
        <w:t xml:space="preserve">de manera aleatoria </w:t>
      </w:r>
      <w:r>
        <w:t>de describe en la captura siguiente:</w:t>
      </w:r>
    </w:p>
    <w:p w:rsidR="0084447D" w:rsidRDefault="0084447D" w:rsidP="0084447D">
      <w:pPr>
        <w:pStyle w:val="ListParagraph"/>
        <w:keepNext/>
        <w:jc w:val="center"/>
      </w:pPr>
      <w:r w:rsidRPr="004C332C">
        <w:rPr>
          <w:noProof/>
          <w:lang w:eastAsia="es-ES"/>
        </w:rPr>
        <w:drawing>
          <wp:inline distT="0" distB="0" distL="0" distR="0" wp14:anchorId="03E869E2" wp14:editId="0632A8DF">
            <wp:extent cx="4746929" cy="473075"/>
            <wp:effectExtent l="0" t="0" r="0" b="3175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4958745" cy="49418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4C332C" w:rsidRDefault="0084447D" w:rsidP="0084447D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12</w:t>
      </w:r>
      <w:r>
        <w:fldChar w:fldCharType="end"/>
      </w:r>
      <w:r>
        <w:t>. Función para reasignar los casos de PERSISTENCIA PSA</w:t>
      </w:r>
    </w:p>
    <w:p w:rsidR="008702A8" w:rsidRDefault="008702A8" w:rsidP="008702A8"/>
    <w:p w:rsidR="004D5C86" w:rsidRDefault="004D5C86" w:rsidP="004D5C86">
      <w:pPr>
        <w:keepNext/>
        <w:jc w:val="center"/>
      </w:pPr>
      <w:r>
        <w:lastRenderedPageBreak/>
        <w:tab/>
      </w:r>
      <w:r w:rsidRPr="006E7389">
        <w:rPr>
          <w:noProof/>
          <w:lang w:eastAsia="es-ES"/>
        </w:rPr>
        <w:drawing>
          <wp:inline distT="0" distB="0" distL="0" distR="0" wp14:anchorId="177BE3DB" wp14:editId="06E103FB">
            <wp:extent cx="3839111" cy="3134162"/>
            <wp:effectExtent l="0" t="0" r="9525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3839111" cy="31341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4D5C86" w:rsidRDefault="004D5C86" w:rsidP="004D5C86">
      <w:pPr>
        <w:pStyle w:val="Caption"/>
        <w:rPr>
          <w:noProof/>
        </w:rPr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13</w:t>
      </w:r>
      <w:r>
        <w:fldChar w:fldCharType="end"/>
      </w:r>
      <w:r>
        <w:rPr>
          <w:noProof/>
        </w:rPr>
        <w:t>. Histograma de RBQ (sin PERSISTENCIA PSA)</w:t>
      </w:r>
    </w:p>
    <w:p w:rsidR="008702A8" w:rsidRPr="008702A8" w:rsidRDefault="008702A8" w:rsidP="008702A8"/>
    <w:p w:rsidR="00BF12B5" w:rsidRPr="00BF12B5" w:rsidRDefault="0029131D" w:rsidP="007A35D4">
      <w:pPr>
        <w:pStyle w:val="ListParagraph"/>
        <w:ind w:right="571"/>
      </w:pPr>
      <w:r>
        <w:t>Observando</w:t>
      </w:r>
      <w:r w:rsidR="00CF6628">
        <w:t xml:space="preserve"> el histograma, </w:t>
      </w:r>
      <w:r>
        <w:t>se puede comprobar</w:t>
      </w:r>
      <w:r w:rsidR="00CF6628">
        <w:t xml:space="preserve"> que esta variable está muy desbalanceada</w:t>
      </w:r>
      <w:r w:rsidR="006E7389">
        <w:t>, dando mayor peso al “NO”</w:t>
      </w:r>
      <w:r w:rsidR="00CF6628">
        <w:t>.</w:t>
      </w:r>
      <w:r w:rsidR="006E7389">
        <w:t xml:space="preserve"> Este desbalanceo y la escasez de datos limita bastante la capacidad predictiva de </w:t>
      </w:r>
      <w:r w:rsidR="003F5480">
        <w:t>los</w:t>
      </w:r>
      <w:r w:rsidR="006E7389">
        <w:t xml:space="preserve"> modelo</w:t>
      </w:r>
      <w:r w:rsidR="006E15FD">
        <w:t>s</w:t>
      </w:r>
      <w:r w:rsidR="006E7389">
        <w:t xml:space="preserve">, y no </w:t>
      </w:r>
      <w:r w:rsidR="003F5480">
        <w:t>se puede</w:t>
      </w:r>
      <w:r w:rsidR="006E7389">
        <w:t xml:space="preserve"> hacer mucho para mejorar dicha capacidad</w:t>
      </w:r>
      <w:r w:rsidR="009914E6">
        <w:t xml:space="preserve">, ya que solo </w:t>
      </w:r>
      <w:r w:rsidR="00A35C16">
        <w:t>se disponen</w:t>
      </w:r>
      <w:r w:rsidR="009914E6">
        <w:t xml:space="preserve"> de los más de 200 (y escasos) casos de cáncer de próstata</w:t>
      </w:r>
      <w:r w:rsidR="00F76C8E">
        <w:t xml:space="preserve"> en seguimiento.</w:t>
      </w:r>
    </w:p>
    <w:p w:rsidR="0007169A" w:rsidRDefault="007C5FA2" w:rsidP="007A35D4">
      <w:pPr>
        <w:ind w:left="720" w:right="571"/>
      </w:pPr>
      <w:r>
        <w:t>Además</w:t>
      </w:r>
      <w:r w:rsidR="001C5093">
        <w:t xml:space="preserve">, </w:t>
      </w:r>
      <w:r w:rsidR="001E3E78">
        <w:t xml:space="preserve">a través de estos histogramas </w:t>
      </w:r>
      <w:r w:rsidR="0031321B">
        <w:t>se puede saber</w:t>
      </w:r>
      <w:r w:rsidR="001C5093">
        <w:t xml:space="preserve"> de antemano que </w:t>
      </w:r>
      <w:r w:rsidR="00BC6361">
        <w:t>los</w:t>
      </w:r>
      <w:r w:rsidR="001C5093">
        <w:t xml:space="preserve"> modelo</w:t>
      </w:r>
      <w:r w:rsidR="00F32171">
        <w:t>s</w:t>
      </w:r>
      <w:r w:rsidR="001C5093">
        <w:t xml:space="preserve"> estará</w:t>
      </w:r>
      <w:r w:rsidR="00F32171">
        <w:t>n</w:t>
      </w:r>
      <w:r w:rsidR="001C5093">
        <w:t xml:space="preserve"> muy sesgado</w:t>
      </w:r>
      <w:r w:rsidR="00F32171">
        <w:t>s</w:t>
      </w:r>
      <w:r w:rsidR="001C5093">
        <w:t xml:space="preserve"> y que en la mayoría de las predicciones el resultado será “NO”. Existe una probabilidad muy alta de que existan muchos falsos negativos de casos con recidiva bioquímica.</w:t>
      </w:r>
    </w:p>
    <w:p w:rsidR="001C5093" w:rsidRDefault="00DD1411" w:rsidP="007A35D4">
      <w:pPr>
        <w:ind w:left="720" w:right="571"/>
      </w:pPr>
      <w:r>
        <w:t xml:space="preserve">En el apartado siguiente se mostrarán los pasos </w:t>
      </w:r>
      <w:r w:rsidR="00644CAF">
        <w:t>utilizados para poder obtener</w:t>
      </w:r>
      <w:r>
        <w:t xml:space="preserve"> modelo</w:t>
      </w:r>
      <w:r w:rsidR="00644CAF">
        <w:t>s</w:t>
      </w:r>
      <w:r>
        <w:t xml:space="preserve"> </w:t>
      </w:r>
      <w:r w:rsidR="00D02177">
        <w:t xml:space="preserve">de predicción </w:t>
      </w:r>
      <w:r w:rsidR="00BB7426">
        <w:t xml:space="preserve">con la mayor </w:t>
      </w:r>
      <w:r w:rsidR="008A23CA">
        <w:t>efectividad</w:t>
      </w:r>
      <w:r w:rsidR="00BB7426">
        <w:t xml:space="preserve"> </w:t>
      </w:r>
      <w:r w:rsidR="00E21D28">
        <w:t xml:space="preserve">y certeza </w:t>
      </w:r>
      <w:r w:rsidR="00BB7426">
        <w:t>posible</w:t>
      </w:r>
      <w:r>
        <w:t>.</w:t>
      </w:r>
    </w:p>
    <w:p w:rsidR="00E2563D" w:rsidRDefault="00E2563D" w:rsidP="001C5093">
      <w:pPr>
        <w:ind w:left="720"/>
      </w:pPr>
    </w:p>
    <w:p w:rsidR="00706998" w:rsidRPr="00731294" w:rsidRDefault="003A02F0" w:rsidP="00706998">
      <w:pPr>
        <w:pStyle w:val="Heading2"/>
      </w:pPr>
      <w:r>
        <w:lastRenderedPageBreak/>
        <w:t>Generación de los modelos de predicción</w:t>
      </w:r>
    </w:p>
    <w:p w:rsidR="001C5093" w:rsidRDefault="008A46D1" w:rsidP="001C5093">
      <w:r>
        <w:t>Los</w:t>
      </w:r>
      <w:r w:rsidR="008203E8">
        <w:t xml:space="preserve"> modelos de predicción que </w:t>
      </w:r>
      <w:r w:rsidR="006F608B">
        <w:t xml:space="preserve">se </w:t>
      </w:r>
      <w:r>
        <w:t>utilizan actualmente</w:t>
      </w:r>
      <w:r w:rsidR="008203E8">
        <w:t xml:space="preserve"> </w:t>
      </w:r>
      <w:r w:rsidR="006F608B">
        <w:t xml:space="preserve">en </w:t>
      </w:r>
      <w:r w:rsidR="008203E8">
        <w:t>la unidad de urooncología se generan a partir de regresiones lineales y de curvas de supervivencia (o regresiones de Cox)</w:t>
      </w:r>
      <w:r w:rsidR="002F6EE6">
        <w:t>.</w:t>
      </w:r>
      <w:r w:rsidR="00503927">
        <w:t xml:space="preserve"> Para este TFG, se han planteado utilizar distintos modelos de </w:t>
      </w:r>
      <w:r w:rsidR="00503927" w:rsidRPr="00503927">
        <w:rPr>
          <w:i/>
        </w:rPr>
        <w:t>Machine Learning</w:t>
      </w:r>
      <w:r w:rsidR="00503927">
        <w:rPr>
          <w:i/>
        </w:rPr>
        <w:t xml:space="preserve"> </w:t>
      </w:r>
      <w:r w:rsidR="003B39EB">
        <w:t xml:space="preserve">para realizar las predicciones, entre las cuales se encuentran </w:t>
      </w:r>
      <w:r w:rsidR="003B39EB" w:rsidRPr="003B39EB">
        <w:rPr>
          <w:i/>
        </w:rPr>
        <w:t>Random Forest</w:t>
      </w:r>
      <w:r w:rsidR="003B39EB">
        <w:t xml:space="preserve">, </w:t>
      </w:r>
      <w:r w:rsidR="003B39EB" w:rsidRPr="003B39EB">
        <w:rPr>
          <w:i/>
        </w:rPr>
        <w:t>K-nearest neighbours</w:t>
      </w:r>
      <w:r w:rsidR="003A1725">
        <w:t xml:space="preserve"> y regresión logística, cuyos detalles se explicarán más adelante.</w:t>
      </w:r>
    </w:p>
    <w:p w:rsidR="00403A68" w:rsidRDefault="00174C1A" w:rsidP="001C5093">
      <w:r>
        <w:t>A continuación</w:t>
      </w:r>
      <w:r w:rsidR="002438B4">
        <w:t>,</w:t>
      </w:r>
      <w:r>
        <w:t xml:space="preserve"> se presentará el proceso </w:t>
      </w:r>
      <w:r w:rsidR="0061076F">
        <w:t>seguido</w:t>
      </w:r>
      <w:r>
        <w:t xml:space="preserve"> para generar los </w:t>
      </w:r>
      <w:r w:rsidR="005914F8">
        <w:t>distintos modelos de predicción;</w:t>
      </w:r>
      <w:r>
        <w:t xml:space="preserve"> desde la </w:t>
      </w:r>
      <w:r w:rsidR="00924F82">
        <w:t>separación</w:t>
      </w:r>
      <w:r>
        <w:t xml:space="preserve"> de </w:t>
      </w:r>
      <w:r w:rsidR="00924F82">
        <w:t xml:space="preserve">los </w:t>
      </w:r>
      <w:r>
        <w:t xml:space="preserve">datos de entrenamiento y </w:t>
      </w:r>
      <w:r w:rsidR="0073694A">
        <w:t xml:space="preserve">de </w:t>
      </w:r>
      <w:r>
        <w:t xml:space="preserve">test, hasta la evaluación de la efectividad de los modelos mediante </w:t>
      </w:r>
      <w:r w:rsidR="009C1AA1">
        <w:t>matrices de confusión y curvas ROC.</w:t>
      </w:r>
    </w:p>
    <w:p w:rsidR="00FE7E34" w:rsidRDefault="00FE7E34" w:rsidP="001C5093"/>
    <w:p w:rsidR="00B60B2F" w:rsidRDefault="00EF65FD" w:rsidP="00F64F15">
      <w:pPr>
        <w:pStyle w:val="Heading3"/>
      </w:pPr>
      <w:r>
        <w:t>Separación</w:t>
      </w:r>
      <w:r w:rsidR="00F64F15">
        <w:t xml:space="preserve"> de </w:t>
      </w:r>
      <w:r w:rsidR="009A7B66">
        <w:t xml:space="preserve">los </w:t>
      </w:r>
      <w:r w:rsidR="00F64F15">
        <w:t>datos de entrenamiento y de test</w:t>
      </w:r>
    </w:p>
    <w:p w:rsidR="00F64F15" w:rsidRDefault="00F64F15" w:rsidP="00F64F15">
      <w:r>
        <w:t xml:space="preserve">El primer reto fue generar los datos de entrenamiento, que se utilizarán </w:t>
      </w:r>
      <w:r w:rsidR="00136CB8">
        <w:t>para generar los</w:t>
      </w:r>
      <w:r>
        <w:t xml:space="preserve"> modelo</w:t>
      </w:r>
      <w:r w:rsidR="00136CB8">
        <w:t>s</w:t>
      </w:r>
      <w:r>
        <w:t>; y los datos de test, para evaluar los modelos.</w:t>
      </w:r>
      <w:r w:rsidR="004703FF">
        <w:t xml:space="preserve"> La literatura recomienda tener aproximadamente un 70% de los datos dedicados al entrenamiento, y el 30% restante </w:t>
      </w:r>
      <w:r w:rsidR="00204E53">
        <w:t xml:space="preserve">a los test. Sin embargo, tal y como se ha mencionado anteriormente, </w:t>
      </w:r>
      <w:r w:rsidR="005914F8">
        <w:t>el dataset tiene</w:t>
      </w:r>
      <w:r w:rsidR="00984280">
        <w:t xml:space="preserve"> muy pocos datos </w:t>
      </w:r>
      <w:r w:rsidR="00204E53">
        <w:t xml:space="preserve">y </w:t>
      </w:r>
      <w:r w:rsidR="0025569B">
        <w:t>la</w:t>
      </w:r>
      <w:r w:rsidR="00204E53">
        <w:t xml:space="preserve"> variable a predecir está muy desbalanceada</w:t>
      </w:r>
      <w:r w:rsidR="00FB0837">
        <w:t xml:space="preserve"> (véase la Figura 13)</w:t>
      </w:r>
      <w:r w:rsidR="00204E53">
        <w:t xml:space="preserve">, siendo </w:t>
      </w:r>
      <w:r w:rsidR="00FB0837">
        <w:t>el “NO”</w:t>
      </w:r>
      <w:r w:rsidR="00337859">
        <w:t xml:space="preserve"> la categoría predominante, por lo que se han planteado distintas propuestas para seleccionar </w:t>
      </w:r>
      <w:r w:rsidR="009C15A2">
        <w:t>la mejor relación</w:t>
      </w:r>
      <w:r w:rsidR="00EE3FFF">
        <w:t xml:space="preserve"> entre los datos de entrenamiento y de test</w:t>
      </w:r>
      <w:r w:rsidR="00337859">
        <w:t>.</w:t>
      </w:r>
    </w:p>
    <w:p w:rsidR="004F0DEF" w:rsidRDefault="006D109B" w:rsidP="00F64F15">
      <w:r>
        <w:t>El dataset</w:t>
      </w:r>
      <w:r w:rsidR="00F529EF">
        <w:t xml:space="preserve"> </w:t>
      </w:r>
      <w:r>
        <w:t xml:space="preserve">tiene </w:t>
      </w:r>
      <w:r w:rsidR="00F529EF">
        <w:t xml:space="preserve">204 entradas de datos. </w:t>
      </w:r>
      <w:r w:rsidR="00631178">
        <w:t>Observando</w:t>
      </w:r>
      <w:r w:rsidR="00F529EF">
        <w:t xml:space="preserve"> las frecuencias del “SI” y del “NO” de </w:t>
      </w:r>
      <w:r w:rsidR="00631178">
        <w:t>la</w:t>
      </w:r>
      <w:r w:rsidR="00F529EF">
        <w:t xml:space="preserve"> variable a predecir, </w:t>
      </w:r>
      <w:r w:rsidR="00631178">
        <w:t>se puede</w:t>
      </w:r>
      <w:r w:rsidR="00F529EF">
        <w:t xml:space="preserve"> </w:t>
      </w:r>
      <w:r w:rsidR="003D3FE1">
        <w:t>comprobar</w:t>
      </w:r>
      <w:r w:rsidR="00F529EF">
        <w:t xml:space="preserve"> que </w:t>
      </w:r>
      <w:r w:rsidR="00D34075">
        <w:t>hay</w:t>
      </w:r>
      <w:r w:rsidR="00F529EF">
        <w:t xml:space="preserve"> (aproximadamente, depende de cómo se haga la redistribución </w:t>
      </w:r>
      <w:r w:rsidR="005B1D9F">
        <w:t xml:space="preserve">aleatoria </w:t>
      </w:r>
      <w:r w:rsidR="00F529EF">
        <w:t>de los casos de “PERSISTENCIA PSA”)</w:t>
      </w:r>
      <w:r w:rsidR="005B1D9F">
        <w:t xml:space="preserve"> unos 190 “</w:t>
      </w:r>
      <w:r w:rsidR="00CC252F">
        <w:t>NO</w:t>
      </w:r>
      <w:r w:rsidR="005B1D9F">
        <w:t>” y unos 10 (“</w:t>
      </w:r>
      <w:r w:rsidR="00CC252F">
        <w:t>SI</w:t>
      </w:r>
      <w:r w:rsidR="005B1D9F">
        <w:t>”).</w:t>
      </w:r>
    </w:p>
    <w:p w:rsidR="00F55A47" w:rsidRDefault="00F55A47" w:rsidP="00F55A47">
      <w:pPr>
        <w:keepNext/>
        <w:jc w:val="center"/>
      </w:pPr>
      <w:r w:rsidRPr="00F55A47">
        <w:rPr>
          <w:noProof/>
          <w:lang w:eastAsia="es-ES"/>
        </w:rPr>
        <w:drawing>
          <wp:inline distT="0" distB="0" distL="0" distR="0" wp14:anchorId="5922FEA3" wp14:editId="572B40D7">
            <wp:extent cx="2553056" cy="952633"/>
            <wp:effectExtent l="0" t="0" r="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2553056" cy="95263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55A47" w:rsidRDefault="00F55A47" w:rsidP="00F55A47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14</w:t>
      </w:r>
      <w:r>
        <w:fldChar w:fldCharType="end"/>
      </w:r>
      <w:r>
        <w:t>. Frecuencias de las distintas categorías</w:t>
      </w:r>
      <w:r w:rsidR="002E6FE1">
        <w:t xml:space="preserve"> (2.0 corresponde al “NO”. 1.0 corresponde al “SI”)</w:t>
      </w:r>
    </w:p>
    <w:p w:rsidR="002E6FE1" w:rsidRDefault="002E6FE1" w:rsidP="002E6FE1"/>
    <w:p w:rsidR="002E6FE1" w:rsidRDefault="002E6FE1" w:rsidP="002E6FE1">
      <w:r>
        <w:lastRenderedPageBreak/>
        <w:t xml:space="preserve">Utilizando </w:t>
      </w:r>
      <w:r w:rsidR="00CB4C91">
        <w:t>la relación</w:t>
      </w:r>
      <w:r>
        <w:t xml:space="preserve"> estándar de 70/30,</w:t>
      </w:r>
      <w:r w:rsidR="00327D7A">
        <w:t xml:space="preserve"> </w:t>
      </w:r>
      <w:r w:rsidR="00814CCF">
        <w:t>los</w:t>
      </w:r>
      <w:r w:rsidR="00327D7A">
        <w:t xml:space="preserve"> modelos tendrían disponibles (haciendo los cálculos pertinentes)</w:t>
      </w:r>
      <w:r w:rsidR="00434AEC">
        <w:t xml:space="preserve"> 142</w:t>
      </w:r>
      <w:r w:rsidR="00327D7A">
        <w:t xml:space="preserve"> entradas dedicadas al entrenamiento y 61 entradas a los test.</w:t>
      </w:r>
      <w:r w:rsidR="006D5088">
        <w:t xml:space="preserve"> A priori esta distribución de los datos puede parecer </w:t>
      </w:r>
      <w:r w:rsidR="00BB2F8B">
        <w:t>buena</w:t>
      </w:r>
      <w:r w:rsidR="006D5088">
        <w:t xml:space="preserve">. Sin embargo, </w:t>
      </w:r>
      <w:r w:rsidR="002678D2">
        <w:t>resultó</w:t>
      </w:r>
      <w:r w:rsidR="006D5088">
        <w:t xml:space="preserve"> interesante reflexionar en si utilizar más datos de entrenamiento (un 80/20, por ejemplo), o más datos de test (un 60/40)</w:t>
      </w:r>
      <w:r w:rsidR="0055763B">
        <w:t>, para compensar de alguna forma la escasez de datos y el desbalanceo de las distintas categorías.</w:t>
      </w:r>
    </w:p>
    <w:p w:rsidR="00725E77" w:rsidRDefault="004F3D12" w:rsidP="002E6FE1">
      <w:r>
        <w:t xml:space="preserve">Si </w:t>
      </w:r>
      <w:r w:rsidR="00421CB5">
        <w:t>se utilizan</w:t>
      </w:r>
      <w:r>
        <w:t xml:space="preserve"> más datos dedicados al entrenamiento, con un 80/20 o incluso</w:t>
      </w:r>
      <w:r w:rsidR="004762F9">
        <w:t xml:space="preserve"> un</w:t>
      </w:r>
      <w:r>
        <w:t xml:space="preserve"> 90/10, es muy probable</w:t>
      </w:r>
      <w:r w:rsidR="00B7320A">
        <w:t xml:space="preserve"> que la calidad de </w:t>
      </w:r>
      <w:r w:rsidR="00E676D4">
        <w:t>los</w:t>
      </w:r>
      <w:r w:rsidR="00B7320A">
        <w:t xml:space="preserve"> modelo</w:t>
      </w:r>
      <w:r w:rsidR="00807A95">
        <w:t>s</w:t>
      </w:r>
      <w:r w:rsidR="00B7320A">
        <w:t xml:space="preserve"> aumente. El problema de esto es que no </w:t>
      </w:r>
      <w:r w:rsidR="00B90D92">
        <w:t>habría</w:t>
      </w:r>
      <w:r w:rsidR="00B7320A">
        <w:t xml:space="preserve"> suficientes datos para testear, y </w:t>
      </w:r>
      <w:r w:rsidR="00164765">
        <w:t>se perdería</w:t>
      </w:r>
      <w:r w:rsidR="00B47C76">
        <w:t xml:space="preserve"> </w:t>
      </w:r>
      <w:r w:rsidR="00164765">
        <w:t xml:space="preserve">la capacidad </w:t>
      </w:r>
      <w:r w:rsidR="00B47C76">
        <w:t xml:space="preserve">de evaluar correctamente </w:t>
      </w:r>
      <w:r w:rsidR="004A2200">
        <w:t>la calidad de los</w:t>
      </w:r>
      <w:r w:rsidR="00B47C76">
        <w:t xml:space="preserve"> modelos</w:t>
      </w:r>
      <w:r w:rsidR="00E111DB">
        <w:t xml:space="preserve"> (sobre todo</w:t>
      </w:r>
      <w:r w:rsidR="00DF05FF">
        <w:t>, para evaluar las predicciones de</w:t>
      </w:r>
      <w:r w:rsidR="00E111DB">
        <w:t xml:space="preserve"> los casos de “SI”, que son muy escasos).</w:t>
      </w:r>
    </w:p>
    <w:p w:rsidR="00A07053" w:rsidRDefault="00A07053" w:rsidP="002E6FE1">
      <w:r>
        <w:t xml:space="preserve">Por otra parte, si </w:t>
      </w:r>
      <w:r w:rsidR="00142A03">
        <w:t>se utilizan</w:t>
      </w:r>
      <w:r>
        <w:t xml:space="preserve"> más datos dedicados a los test, con un 60/40, </w:t>
      </w:r>
      <w:r w:rsidR="007E4FC3">
        <w:t>se obtendría</w:t>
      </w:r>
      <w:r>
        <w:t xml:space="preserve"> una mejor capacidad de valorar la calidad de los modelos</w:t>
      </w:r>
      <w:r w:rsidR="005347DC">
        <w:t xml:space="preserve"> (y más casos de “SI” para testear)</w:t>
      </w:r>
      <w:r>
        <w:t>, a cambio de una peor calidad de los modelos.</w:t>
      </w:r>
    </w:p>
    <w:p w:rsidR="00821B3E" w:rsidRDefault="005B5D4A" w:rsidP="002E6FE1">
      <w:r>
        <w:t>En</w:t>
      </w:r>
      <w:r w:rsidR="00187CF1">
        <w:t xml:space="preserve"> un caso real</w:t>
      </w:r>
      <w:r w:rsidR="00927457">
        <w:t xml:space="preserve"> donde se necesite predecir la recidiva bioquímica</w:t>
      </w:r>
      <w:r w:rsidR="00EE3A49">
        <w:t xml:space="preserve">, la calidad de los modelos de predicción es muy importante, por lo que en ese caso es muy probable que </w:t>
      </w:r>
      <w:r w:rsidR="002E6F6F">
        <w:t>se acabe</w:t>
      </w:r>
      <w:r w:rsidR="00EE3A49">
        <w:t xml:space="preserve"> utilizando un 80% del dataset para entrenar y el otro 20% restante para evaluar.</w:t>
      </w:r>
    </w:p>
    <w:p w:rsidR="00B634AD" w:rsidRDefault="00B634AD" w:rsidP="002E6FE1">
      <w:r>
        <w:t xml:space="preserve">Sin embargo, de cara a este TFG </w:t>
      </w:r>
      <w:r w:rsidR="00CA2B22">
        <w:t>se ha</w:t>
      </w:r>
      <w:r>
        <w:t xml:space="preserve"> optado por tener más datos de test, utilizando un 60% para entrenar y un 40% para testear, ya que de este modo </w:t>
      </w:r>
      <w:r w:rsidR="00A97681">
        <w:t>habrá</w:t>
      </w:r>
      <w:r>
        <w:t xml:space="preserve"> más casos de “SI”</w:t>
      </w:r>
      <w:r w:rsidR="0024413A">
        <w:t xml:space="preserve"> </w:t>
      </w:r>
      <w:r w:rsidR="00A674BB">
        <w:t>para poder mostrar por pantalla y</w:t>
      </w:r>
      <w:r w:rsidR="002351B8">
        <w:t xml:space="preserve"> obtener</w:t>
      </w:r>
      <w:r w:rsidR="00A674BB">
        <w:t xml:space="preserve"> mejores valores de </w:t>
      </w:r>
      <w:r w:rsidR="00853C28" w:rsidRPr="00853C28">
        <w:rPr>
          <w:i/>
        </w:rPr>
        <w:t>accuracy</w:t>
      </w:r>
      <w:r w:rsidR="00853C28">
        <w:t xml:space="preserve">, </w:t>
      </w:r>
      <w:r w:rsidR="00853C28">
        <w:rPr>
          <w:i/>
        </w:rPr>
        <w:t>precisio</w:t>
      </w:r>
      <w:r w:rsidR="00853C28" w:rsidRPr="00853C28">
        <w:rPr>
          <w:i/>
        </w:rPr>
        <w:t>n</w:t>
      </w:r>
      <w:r w:rsidR="00853C28">
        <w:t xml:space="preserve"> y </w:t>
      </w:r>
      <w:r w:rsidR="00A674BB" w:rsidRPr="00853C28">
        <w:rPr>
          <w:i/>
        </w:rPr>
        <w:t>recall</w:t>
      </w:r>
      <w:r w:rsidR="00A674BB">
        <w:t>.</w:t>
      </w:r>
      <w:r w:rsidR="001105EC">
        <w:t xml:space="preserve"> </w:t>
      </w:r>
      <w:r w:rsidR="00FE5080">
        <w:t>Es verdad</w:t>
      </w:r>
      <w:r w:rsidR="001105EC">
        <w:t xml:space="preserve"> que estos modelos son un poco peores, pero de esta forma </w:t>
      </w:r>
      <w:r w:rsidR="00FE5080">
        <w:t>se puede</w:t>
      </w:r>
      <w:r w:rsidR="001105EC">
        <w:t xml:space="preserve"> </w:t>
      </w:r>
      <w:r w:rsidR="00B67921">
        <w:t xml:space="preserve">compensar la escasez de “SI” y mostrar algo </w:t>
      </w:r>
      <w:r w:rsidR="001105EC">
        <w:t>más “vistoso”</w:t>
      </w:r>
      <w:r w:rsidR="00B67921">
        <w:t xml:space="preserve"> y equilibrado</w:t>
      </w:r>
      <w:r w:rsidR="0053195A">
        <w:t xml:space="preserve"> en la aplicación</w:t>
      </w:r>
      <w:r w:rsidR="001105EC">
        <w:t>.</w:t>
      </w:r>
    </w:p>
    <w:p w:rsidR="00517C89" w:rsidRDefault="00517C89" w:rsidP="00517C89">
      <w:pPr>
        <w:keepNext/>
      </w:pPr>
      <w:r w:rsidRPr="00517C89">
        <w:rPr>
          <w:noProof/>
          <w:lang w:eastAsia="es-ES"/>
        </w:rPr>
        <w:drawing>
          <wp:inline distT="0" distB="0" distL="0" distR="0" wp14:anchorId="173FF0D5" wp14:editId="2294F85B">
            <wp:extent cx="5943600" cy="442595"/>
            <wp:effectExtent l="0" t="0" r="0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425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17C89" w:rsidRDefault="00517C89" w:rsidP="00517C89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15</w:t>
      </w:r>
      <w:r>
        <w:fldChar w:fldCharType="end"/>
      </w:r>
      <w:r>
        <w:t>. Generación de datos de entrenamiento y de test</w:t>
      </w:r>
    </w:p>
    <w:p w:rsidR="00A50D41" w:rsidRPr="00A50D41" w:rsidRDefault="00A50D41" w:rsidP="00A50D41"/>
    <w:p w:rsidR="006128EC" w:rsidRDefault="006128EC" w:rsidP="006128EC">
      <w:r>
        <w:t xml:space="preserve">De esta forma, </w:t>
      </w:r>
      <w:r w:rsidR="00D55A34">
        <w:t>hay</w:t>
      </w:r>
      <w:r>
        <w:t xml:space="preserve"> 122 entradas dedicadas al entrenamiento y 82 entradas para testear.</w:t>
      </w:r>
    </w:p>
    <w:p w:rsidR="00DD75FE" w:rsidRDefault="00DD75FE" w:rsidP="006128EC"/>
    <w:p w:rsidR="005D36CB" w:rsidRDefault="00DD75FE" w:rsidP="00DD75FE">
      <w:pPr>
        <w:pStyle w:val="Heading3"/>
      </w:pPr>
      <w:r>
        <w:lastRenderedPageBreak/>
        <w:t>Random Forest</w:t>
      </w:r>
    </w:p>
    <w:p w:rsidR="000D111C" w:rsidRDefault="00AE208A" w:rsidP="00F64F15">
      <w:r>
        <w:t xml:space="preserve">Los </w:t>
      </w:r>
      <w:r w:rsidRPr="00AE208A">
        <w:rPr>
          <w:i/>
        </w:rPr>
        <w:t>Random Forests</w:t>
      </w:r>
      <w:r>
        <w:rPr>
          <w:i/>
        </w:rPr>
        <w:t xml:space="preserve"> </w:t>
      </w:r>
      <w:r>
        <w:t>(o Bosques Aleatorios en castellano)</w:t>
      </w:r>
      <w:r w:rsidR="004E0E50">
        <w:t>, son una combinación de varios Árboles de Decisión, a los cuales, aleatoriamente, se les pasa un subconjunto de los valores de un conjunto de datos.</w:t>
      </w:r>
      <w:r w:rsidR="00505680">
        <w:t xml:space="preserve"> Este método de aprendizaje entra dentro de</w:t>
      </w:r>
      <w:r w:rsidR="00561390">
        <w:t>l grupo de</w:t>
      </w:r>
      <w:r w:rsidR="00505680">
        <w:t xml:space="preserve"> los </w:t>
      </w:r>
      <w:r w:rsidR="00505680">
        <w:rPr>
          <w:i/>
        </w:rPr>
        <w:t>Ensamble Learning</w:t>
      </w:r>
      <w:r w:rsidR="003E2306">
        <w:rPr>
          <w:i/>
        </w:rPr>
        <w:t xml:space="preserve"> Methods</w:t>
      </w:r>
      <w:r w:rsidR="00505680">
        <w:t xml:space="preserve"> (o </w:t>
      </w:r>
      <w:r w:rsidR="003E2306">
        <w:t xml:space="preserve">Métodos de </w:t>
      </w:r>
      <w:r w:rsidR="00505680">
        <w:t>Aprendizaje Combinado), ya que utiliza varios estimadores para generar los modelos de predicción.</w:t>
      </w:r>
    </w:p>
    <w:p w:rsidR="003B0E68" w:rsidRDefault="000D111C" w:rsidP="000D111C">
      <w:pPr>
        <w:jc w:val="center"/>
        <w:rPr>
          <w:noProof/>
          <w:lang w:eastAsia="es-ES"/>
        </w:rPr>
      </w:pPr>
      <w:r>
        <w:rPr>
          <w:noProof/>
          <w:lang w:eastAsia="es-ES"/>
        </w:rPr>
        <w:drawing>
          <wp:inline distT="0" distB="0" distL="0" distR="0" wp14:anchorId="2ED9F11C" wp14:editId="7A0395F0">
            <wp:extent cx="2600076" cy="1949933"/>
            <wp:effectExtent l="19050" t="19050" r="10160" b="12700"/>
            <wp:docPr id="18" name="Picture 18" descr="C:\Users\s0116339\AppData\Local\Microsoft\Windows\INetCache\Content.Word\Random_forest_diagram_complet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0116339\AppData\Local\Microsoft\Windows\INetCache\Content.Word\Random_forest_diagram_complete.png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35127" cy="1976220"/>
                    </a:xfrm>
                    <a:prstGeom prst="rect">
                      <a:avLst/>
                    </a:prstGeom>
                    <a:noFill/>
                    <a:ln w="3175">
                      <a:solidFill>
                        <a:schemeClr val="accent3"/>
                      </a:solidFill>
                    </a:ln>
                  </pic:spPr>
                </pic:pic>
              </a:graphicData>
            </a:graphic>
          </wp:inline>
        </w:drawing>
      </w:r>
    </w:p>
    <w:p w:rsidR="000D111C" w:rsidRDefault="000D111C" w:rsidP="000D111C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16</w:t>
      </w:r>
      <w:r>
        <w:fldChar w:fldCharType="end"/>
      </w:r>
      <w:r>
        <w:t>. Visualización gráfica de Random Forests</w:t>
      </w:r>
    </w:p>
    <w:p w:rsidR="000D111C" w:rsidRDefault="000D111C" w:rsidP="00F64F15"/>
    <w:p w:rsidR="008A4ACA" w:rsidRDefault="008A4ACA" w:rsidP="00F64F15">
      <w:r>
        <w:t>En este caso, no ha sido necesario realizar un normalizado ni un escalado</w:t>
      </w:r>
      <w:r w:rsidR="00882B07">
        <w:t xml:space="preserve"> para</w:t>
      </w:r>
      <w:r w:rsidR="001932DE">
        <w:t xml:space="preserve"> que los datos del dataset tengan un rango similar</w:t>
      </w:r>
      <w:r>
        <w:t xml:space="preserve">, ya que éstos métodos no lo requieren. Aplicar </w:t>
      </w:r>
      <w:r w:rsidR="00873533">
        <w:t>estas técnicas</w:t>
      </w:r>
      <w:r>
        <w:t xml:space="preserve"> en Árboles Aleatorios no aportarían ningún tipo de beneficio.</w:t>
      </w:r>
    </w:p>
    <w:p w:rsidR="0079138C" w:rsidRDefault="00E73DEA" w:rsidP="0005258B">
      <w:pPr>
        <w:rPr>
          <w:rFonts w:cs="Times New Roman"/>
          <w:szCs w:val="24"/>
        </w:rPr>
      </w:pPr>
      <w:r>
        <w:t xml:space="preserve">En scikit-learn, un Random Forest Classifier se puede crear con </w:t>
      </w:r>
      <w:r w:rsidRPr="0079138C">
        <w:rPr>
          <w:rStyle w:val="Strong"/>
        </w:rPr>
        <w:t>RandomForestClassifier()</w:t>
      </w:r>
      <w:r w:rsidR="00B70ABF">
        <w:rPr>
          <w:rFonts w:cs="Times New Roman"/>
          <w:szCs w:val="24"/>
        </w:rPr>
        <w:t xml:space="preserve">, y se han utilizado los parámetros </w:t>
      </w:r>
      <w:r w:rsidR="00AB5735" w:rsidRPr="0079138C">
        <w:rPr>
          <w:rStyle w:val="Strong"/>
        </w:rPr>
        <w:t>class_weight</w:t>
      </w:r>
      <w:r w:rsidR="00AB5735" w:rsidRPr="00AB5735">
        <w:t xml:space="preserve">, </w:t>
      </w:r>
      <w:r w:rsidR="00AB5735" w:rsidRPr="0079138C">
        <w:rPr>
          <w:rStyle w:val="Strong"/>
        </w:rPr>
        <w:t>bootstrap</w:t>
      </w:r>
      <w:r w:rsidR="00AB5735" w:rsidRPr="00AB5735">
        <w:t xml:space="preserve">, </w:t>
      </w:r>
      <w:r w:rsidR="00B70ABF" w:rsidRPr="0079138C">
        <w:rPr>
          <w:rFonts w:ascii="Cascadia Mono" w:hAnsi="Cascadia Mono" w:cstheme="majorHAnsi"/>
          <w:sz w:val="20"/>
          <w:szCs w:val="20"/>
        </w:rPr>
        <w:t>n_</w:t>
      </w:r>
      <w:r w:rsidR="00B70ABF" w:rsidRPr="0079138C">
        <w:rPr>
          <w:rStyle w:val="Strong"/>
        </w:rPr>
        <w:t>estimators</w:t>
      </w:r>
      <w:r w:rsidR="00AB5735">
        <w:rPr>
          <w:rFonts w:cs="Times New Roman"/>
          <w:szCs w:val="24"/>
        </w:rPr>
        <w:t xml:space="preserve"> y</w:t>
      </w:r>
      <w:r w:rsidR="00B70ABF">
        <w:rPr>
          <w:rFonts w:cs="Times New Roman"/>
          <w:szCs w:val="24"/>
        </w:rPr>
        <w:t xml:space="preserve"> </w:t>
      </w:r>
      <w:r w:rsidR="00B70ABF" w:rsidRPr="0079138C">
        <w:rPr>
          <w:rStyle w:val="Strong"/>
        </w:rPr>
        <w:t>max_samples</w:t>
      </w:r>
      <w:r w:rsidR="0079138C">
        <w:rPr>
          <w:rFonts w:cs="Times New Roman"/>
          <w:szCs w:val="24"/>
        </w:rPr>
        <w:t>. Las reflexiones realizadas sobre cada parámetro se describirán a continuación:</w:t>
      </w:r>
    </w:p>
    <w:p w:rsidR="00054FD3" w:rsidRPr="00152B1C" w:rsidRDefault="00054FD3" w:rsidP="0033534D">
      <w:pPr>
        <w:pStyle w:val="ListParagraph"/>
        <w:numPr>
          <w:ilvl w:val="0"/>
          <w:numId w:val="2"/>
        </w:numPr>
        <w:ind w:right="571"/>
        <w:rPr>
          <w:rFonts w:ascii="Cascadia Mono" w:hAnsi="Cascadia Mono"/>
          <w:bCs/>
          <w:sz w:val="20"/>
        </w:rPr>
      </w:pPr>
      <w:r>
        <w:rPr>
          <w:rStyle w:val="Strong"/>
        </w:rPr>
        <w:t>class_weight</w:t>
      </w:r>
      <w:r w:rsidRPr="00054FD3">
        <w:t>:</w:t>
      </w:r>
      <w:r w:rsidR="00EF07A9">
        <w:t xml:space="preserve"> Indica los pesos de </w:t>
      </w:r>
      <w:r w:rsidR="005D214B">
        <w:t>cada clase</w:t>
      </w:r>
      <w:r w:rsidR="00EF07A9">
        <w:t xml:space="preserve"> de la variable a predecir (en este caso, RBQ).</w:t>
      </w:r>
      <w:r w:rsidR="0033534D">
        <w:t xml:space="preserve"> Por defecto todas las clases tienen peso 1.</w:t>
      </w:r>
      <w:r w:rsidR="00EF07A9">
        <w:t xml:space="preserve"> Se ha utilizado </w:t>
      </w:r>
      <w:r w:rsidR="00EF07A9" w:rsidRPr="00EF07A9">
        <w:rPr>
          <w:rStyle w:val="Strong"/>
        </w:rPr>
        <w:t>balanced</w:t>
      </w:r>
      <w:r w:rsidR="00EF07A9">
        <w:t>, de tal forma que el peso de una clase es inversamente proporcional a la frecuencia de dicha clase.</w:t>
      </w:r>
      <w:r w:rsidR="00F0128D">
        <w:t xml:space="preserve"> De esta manera, se consigue compensar el desbalanceo del “SI” sobre el “NO” predominante en</w:t>
      </w:r>
      <w:r w:rsidR="00AA313C">
        <w:t xml:space="preserve"> este modelo.</w:t>
      </w:r>
    </w:p>
    <w:p w:rsidR="00152B1C" w:rsidRPr="00054FD3" w:rsidRDefault="00152B1C" w:rsidP="00152B1C">
      <w:pPr>
        <w:pStyle w:val="ListParagraph"/>
        <w:rPr>
          <w:rStyle w:val="Strong"/>
        </w:rPr>
      </w:pPr>
    </w:p>
    <w:p w:rsidR="006F3F9C" w:rsidRDefault="00AB5735" w:rsidP="006F3F9C">
      <w:pPr>
        <w:pStyle w:val="ListParagraph"/>
        <w:numPr>
          <w:ilvl w:val="0"/>
          <w:numId w:val="2"/>
        </w:numPr>
        <w:ind w:right="571"/>
      </w:pPr>
      <w:r>
        <w:rPr>
          <w:rStyle w:val="Strong"/>
        </w:rPr>
        <w:lastRenderedPageBreak/>
        <w:t>bootstrap</w:t>
      </w:r>
      <w:r w:rsidRPr="00AB5735">
        <w:t xml:space="preserve">: </w:t>
      </w:r>
      <w:r w:rsidR="00EF07A9">
        <w:t xml:space="preserve">Establecido a </w:t>
      </w:r>
      <w:r w:rsidR="00EF07A9">
        <w:rPr>
          <w:rStyle w:val="Strong"/>
        </w:rPr>
        <w:t>true</w:t>
      </w:r>
      <w:r w:rsidR="00EF07A9" w:rsidRPr="00EF07A9">
        <w:t>.</w:t>
      </w:r>
      <w:r w:rsidR="00EF07A9">
        <w:rPr>
          <w:rStyle w:val="Strong"/>
        </w:rPr>
        <w:t xml:space="preserve"> </w:t>
      </w:r>
      <w:r w:rsidRPr="00AB5735">
        <w:t>Este parámetro</w:t>
      </w:r>
      <w:r>
        <w:t xml:space="preserve"> indica al clasificador que tiene que utilizar subconjuntos del dataset. El tamaño de cada subconjunto es indicado por </w:t>
      </w:r>
      <w:r w:rsidR="00AB12C9">
        <w:rPr>
          <w:rStyle w:val="Strong"/>
        </w:rPr>
        <w:t>max_samples</w:t>
      </w:r>
      <w:r w:rsidR="006F3F9C" w:rsidRPr="006F3F9C">
        <w:t>.</w:t>
      </w:r>
    </w:p>
    <w:p w:rsidR="00735B60" w:rsidRDefault="00735B60" w:rsidP="00735B60">
      <w:pPr>
        <w:pStyle w:val="ListParagraph"/>
      </w:pPr>
    </w:p>
    <w:p w:rsidR="00705489" w:rsidRDefault="00735B60" w:rsidP="00705489">
      <w:pPr>
        <w:pStyle w:val="ListParagraph"/>
        <w:numPr>
          <w:ilvl w:val="0"/>
          <w:numId w:val="2"/>
        </w:numPr>
        <w:ind w:right="571"/>
      </w:pPr>
      <w:r w:rsidRPr="00735B60">
        <w:rPr>
          <w:rStyle w:val="Strong"/>
        </w:rPr>
        <w:t>max_samples</w:t>
      </w:r>
      <w:r>
        <w:t xml:space="preserve">. Indica el número de entradas máximo de cada Árbol de Decisión del </w:t>
      </w:r>
      <w:r w:rsidR="00D4046F">
        <w:rPr>
          <w:i/>
        </w:rPr>
        <w:t>Random Forest</w:t>
      </w:r>
      <w:r>
        <w:t>. Para seleccionar este valor, se ha iterado sobre un rango entre 100 y 122 (teniendo el 60% de datos para entrenar tenemos, como máximo, 122 entradas).</w:t>
      </w:r>
      <w:r w:rsidR="00F60C05">
        <w:t xml:space="preserve"> </w:t>
      </w:r>
      <w:r w:rsidR="00D619A3">
        <w:t xml:space="preserve">El rango establecido podría haber sido mayor. Sin embargo, utilizar tan pocas entradas para cada árbol podría perjudicar el entrenamiento de cada árbol. </w:t>
      </w:r>
    </w:p>
    <w:p w:rsidR="00735B60" w:rsidRDefault="00F60C05" w:rsidP="00705489">
      <w:pPr>
        <w:pStyle w:val="ListParagraph"/>
        <w:ind w:right="571"/>
      </w:pPr>
      <w:r>
        <w:t>Se ha ejecutado la función siguiente para encontrar este valor:</w:t>
      </w:r>
    </w:p>
    <w:p w:rsidR="00F60C05" w:rsidRDefault="00F60C05" w:rsidP="00F60C05">
      <w:pPr>
        <w:pStyle w:val="ListParagraph"/>
      </w:pPr>
    </w:p>
    <w:p w:rsidR="002F2ECB" w:rsidRDefault="002F2ECB" w:rsidP="002F2ECB">
      <w:pPr>
        <w:pStyle w:val="ListParagraph"/>
        <w:keepNext/>
        <w:ind w:right="571"/>
        <w:jc w:val="center"/>
      </w:pPr>
      <w:r w:rsidRPr="002F2ECB">
        <w:drawing>
          <wp:inline distT="0" distB="0" distL="0" distR="0" wp14:anchorId="3638E0EA" wp14:editId="60C6F71D">
            <wp:extent cx="5943600" cy="2387600"/>
            <wp:effectExtent l="0" t="0" r="0" b="0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387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60C05" w:rsidRDefault="002F2ECB" w:rsidP="002F2ECB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17</w:t>
      </w:r>
      <w:r>
        <w:fldChar w:fldCharType="end"/>
      </w:r>
      <w:r>
        <w:t>. Función para encontrar el mejor valor de max_samples</w:t>
      </w:r>
    </w:p>
    <w:p w:rsidR="007C3998" w:rsidRDefault="007C3998" w:rsidP="007C3998">
      <w:r>
        <w:tab/>
      </w:r>
    </w:p>
    <w:p w:rsidR="007C3998" w:rsidRDefault="007C3998" w:rsidP="007C3998">
      <w:r>
        <w:tab/>
        <w:t>Los resultados se muestran a continuación:</w:t>
      </w:r>
    </w:p>
    <w:p w:rsidR="0091584C" w:rsidRDefault="0091584C" w:rsidP="0091584C">
      <w:pPr>
        <w:jc w:val="center"/>
      </w:pPr>
      <w:r w:rsidRPr="0091584C">
        <w:lastRenderedPageBreak/>
        <w:drawing>
          <wp:inline distT="0" distB="0" distL="0" distR="0" wp14:anchorId="693FEC7A" wp14:editId="7D535722">
            <wp:extent cx="4029637" cy="2534004"/>
            <wp:effectExtent l="0" t="0" r="0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4029637" cy="253400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F3F9C" w:rsidRDefault="0091584C" w:rsidP="0094723E">
      <w:pPr>
        <w:ind w:left="709" w:right="571"/>
      </w:pPr>
      <w:r>
        <w:tab/>
        <w:t>Se puede obs</w:t>
      </w:r>
      <w:r w:rsidR="0000192D">
        <w:t xml:space="preserve">ervar que cualquier valor ofrece un </w:t>
      </w:r>
      <w:r w:rsidR="0000192D" w:rsidRPr="0000192D">
        <w:rPr>
          <w:i/>
        </w:rPr>
        <w:t>accuracy</w:t>
      </w:r>
      <w:r w:rsidR="0000192D">
        <w:t xml:space="preserve"> de aproximadamente 0,92. Cualquier valor de </w:t>
      </w:r>
      <w:r w:rsidR="0000192D" w:rsidRPr="0094723E">
        <w:rPr>
          <w:rStyle w:val="Strong"/>
        </w:rPr>
        <w:t>max_sample</w:t>
      </w:r>
      <w:r w:rsidR="0000192D">
        <w:t xml:space="preserve"> puede servir. Se ha utilizado, en este caso, utilizar 100 valores para cada Árbol.</w:t>
      </w:r>
    </w:p>
    <w:p w:rsidR="00196AD6" w:rsidRPr="0094723E" w:rsidRDefault="00196AD6" w:rsidP="0094723E">
      <w:pPr>
        <w:ind w:left="709" w:right="571"/>
        <w:rPr>
          <w:rStyle w:val="Strong"/>
          <w:rFonts w:ascii="Times New Roman" w:hAnsi="Times New Roman"/>
          <w:bCs w:val="0"/>
          <w:sz w:val="24"/>
        </w:rPr>
      </w:pPr>
    </w:p>
    <w:p w:rsidR="00E676EC" w:rsidRDefault="006F3F9C" w:rsidP="00E676EC">
      <w:pPr>
        <w:pStyle w:val="ListParagraph"/>
        <w:numPr>
          <w:ilvl w:val="0"/>
          <w:numId w:val="2"/>
        </w:numPr>
        <w:ind w:right="571"/>
      </w:pPr>
      <w:r>
        <w:rPr>
          <w:rStyle w:val="Strong"/>
        </w:rPr>
        <w:t>n_estimators</w:t>
      </w:r>
      <w:r w:rsidRPr="006F3F9C">
        <w:t xml:space="preserve">: </w:t>
      </w:r>
      <w:r>
        <w:t>Este parámetro indica el número de árboles de decisión que contendrá el bosque aleatorio.</w:t>
      </w:r>
      <w:r w:rsidR="00F507B7">
        <w:t xml:space="preserve"> Para seleccionar este valor, se han realizado entrenamientos en varias </w:t>
      </w:r>
      <w:r w:rsidR="00967AF0">
        <w:t>iteraciones</w:t>
      </w:r>
      <w:r w:rsidR="00E41041">
        <w:t xml:space="preserve"> y se ha dibujado un gráfico con los resultados.</w:t>
      </w:r>
      <w:r w:rsidR="00127950">
        <w:t xml:space="preserve"> </w:t>
      </w:r>
      <w:r w:rsidR="008D52F0">
        <w:t>El número de estimadores mínimo es 2, ya que un Bosque debe de tener más de un Árbol</w:t>
      </w:r>
      <w:r w:rsidR="00675CBE">
        <w:t xml:space="preserve">. En cuanto al número máximo, la teoría recomienda utilizar la mayor cantidad posible. </w:t>
      </w:r>
      <w:r w:rsidR="00AF55C3">
        <w:t xml:space="preserve">Usar muchos estimadores hará que los entrenamientos tarden más. </w:t>
      </w:r>
      <w:r w:rsidR="00675CBE">
        <w:t>En este caso se ha establecido el máximo a 100.</w:t>
      </w:r>
      <w:r w:rsidR="00AC1348">
        <w:t xml:space="preserve"> La búsqueda de este valor se ha realizado utilizando la siguiente función:</w:t>
      </w:r>
    </w:p>
    <w:p w:rsidR="00E676EC" w:rsidRDefault="00E676EC" w:rsidP="00E676EC">
      <w:pPr>
        <w:keepNext/>
        <w:ind w:right="571"/>
        <w:jc w:val="center"/>
      </w:pPr>
      <w:r w:rsidRPr="00E676EC">
        <w:lastRenderedPageBreak/>
        <w:drawing>
          <wp:inline distT="0" distB="0" distL="0" distR="0" wp14:anchorId="2CD2A5E2" wp14:editId="2F4BF8C9">
            <wp:extent cx="4698724" cy="1906095"/>
            <wp:effectExtent l="0" t="0" r="698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27"/>
                    <a:srcRect t="677" r="309"/>
                    <a:stretch/>
                  </pic:blipFill>
                  <pic:spPr bwMode="auto">
                    <a:xfrm>
                      <a:off x="0" y="0"/>
                      <a:ext cx="4884152" cy="1981316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E676EC" w:rsidRDefault="00E676EC" w:rsidP="00E676EC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18</w:t>
      </w:r>
      <w:r>
        <w:fldChar w:fldCharType="end"/>
      </w:r>
      <w:r>
        <w:t>. Función para encontrar el mejor valor de n_estimators</w:t>
      </w:r>
    </w:p>
    <w:p w:rsidR="00D46369" w:rsidRDefault="00D46369" w:rsidP="00D46369"/>
    <w:p w:rsidR="00D46369" w:rsidRDefault="00D46369" w:rsidP="00D46369">
      <w:r>
        <w:tab/>
        <w:t>Los resultados se muestran en la figura siguiente:</w:t>
      </w:r>
    </w:p>
    <w:p w:rsidR="00967AF0" w:rsidRDefault="00967AF0" w:rsidP="00967AF0">
      <w:pPr>
        <w:keepNext/>
        <w:jc w:val="center"/>
      </w:pPr>
      <w:r w:rsidRPr="00967AF0">
        <w:drawing>
          <wp:inline distT="0" distB="0" distL="0" distR="0" wp14:anchorId="19217E95" wp14:editId="53941EDA">
            <wp:extent cx="2623930" cy="1757841"/>
            <wp:effectExtent l="0" t="0" r="5080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2646833" cy="177318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46369" w:rsidRDefault="00967AF0" w:rsidP="00967AF0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19</w:t>
      </w:r>
      <w:r>
        <w:fldChar w:fldCharType="end"/>
      </w:r>
      <w:r>
        <w:t>. Accuracy para cada valor de n_estimators</w:t>
      </w:r>
    </w:p>
    <w:p w:rsidR="00967AF0" w:rsidRPr="00967AF0" w:rsidRDefault="00967AF0" w:rsidP="00967AF0"/>
    <w:p w:rsidR="0079138C" w:rsidRDefault="00967AF0" w:rsidP="00B363B3">
      <w:pPr>
        <w:ind w:left="709" w:right="571"/>
      </w:pPr>
      <w:r>
        <w:tab/>
        <w:t xml:space="preserve">Se puede observar que la precisión es aproximadamente 0,9 para cualquier valor </w:t>
      </w:r>
      <w:r>
        <w:rPr>
          <w:rStyle w:val="Strong"/>
        </w:rPr>
        <w:t>n_estimators</w:t>
      </w:r>
      <w:r>
        <w:t>, por lo que todos los valores actuarán de manera similar. Existen alguno</w:t>
      </w:r>
      <w:r w:rsidR="00BF0C5E">
        <w:t>s picos;</w:t>
      </w:r>
      <w:r>
        <w:t xml:space="preserve"> sin </w:t>
      </w:r>
      <w:r w:rsidR="00BF0C5E">
        <w:t>embargo, eso no será siempre así en todas las ejecuciones de la función mencionada anteriormente.</w:t>
      </w:r>
    </w:p>
    <w:p w:rsidR="00B363B3" w:rsidRDefault="00B363B3" w:rsidP="00B363B3">
      <w:pPr>
        <w:ind w:left="709" w:right="571"/>
      </w:pPr>
    </w:p>
    <w:p w:rsidR="00B363B3" w:rsidRDefault="00B363B3" w:rsidP="00B363B3">
      <w:r>
        <w:t>Una vez seleccionados los parámetros, se procede a entrenar y evaluar el modelo con los parámetros seleccionados.</w:t>
      </w:r>
      <w:r w:rsidR="0080728E">
        <w:t xml:space="preserve"> En la celda siguiente se muestra el entrenamiento y la generación de los resultados de la evaluación (que no siempre serán iguales).</w:t>
      </w:r>
    </w:p>
    <w:p w:rsidR="005A2CA3" w:rsidRDefault="005A2CA3" w:rsidP="005A2CA3">
      <w:pPr>
        <w:keepNext/>
      </w:pPr>
      <w:r w:rsidRPr="005A2CA3">
        <w:lastRenderedPageBreak/>
        <w:drawing>
          <wp:inline distT="0" distB="0" distL="0" distR="0" wp14:anchorId="55EAA92E" wp14:editId="065FD7BD">
            <wp:extent cx="5943600" cy="1868170"/>
            <wp:effectExtent l="0" t="0" r="0" b="0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8681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A2CA3" w:rsidRDefault="005A2CA3" w:rsidP="005A2CA3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 w:rsidR="006C648B">
        <w:rPr>
          <w:noProof/>
        </w:rPr>
        <w:t>20</w:t>
      </w:r>
      <w:r>
        <w:fldChar w:fldCharType="end"/>
      </w:r>
      <w:r>
        <w:t>. Celda con el entrenamiento y generación de los resultados del entrenamiento</w:t>
      </w:r>
    </w:p>
    <w:p w:rsidR="00B41D63" w:rsidRDefault="00B41D63" w:rsidP="00B41D63"/>
    <w:p w:rsidR="006C648B" w:rsidRDefault="004A436A" w:rsidP="00B41D63">
      <w:r>
        <w:t xml:space="preserve">Los resultados </w:t>
      </w:r>
      <w:r w:rsidR="00A069DF">
        <w:t xml:space="preserve">del entrenamiento </w:t>
      </w:r>
      <w:r>
        <w:t>se describen en el informe y en la matriz de confusión que se muestra</w:t>
      </w:r>
      <w:r w:rsidR="00B94A22">
        <w:t>n</w:t>
      </w:r>
      <w:r>
        <w:t xml:space="preserve"> a continuación.</w:t>
      </w:r>
    </w:p>
    <w:p w:rsidR="006C648B" w:rsidRDefault="006C648B" w:rsidP="006C648B">
      <w:pPr>
        <w:keepNext/>
        <w:jc w:val="center"/>
      </w:pPr>
      <w:r w:rsidRPr="006C648B">
        <w:drawing>
          <wp:inline distT="0" distB="0" distL="0" distR="0" wp14:anchorId="7788325B" wp14:editId="1A0C34E7">
            <wp:extent cx="3617843" cy="3321720"/>
            <wp:effectExtent l="0" t="0" r="1905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30"/>
                    <a:srcRect t="1259"/>
                    <a:stretch/>
                  </pic:blipFill>
                  <pic:spPr bwMode="auto">
                    <a:xfrm>
                      <a:off x="0" y="0"/>
                      <a:ext cx="3636042" cy="333843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6C648B" w:rsidRDefault="006C648B" w:rsidP="006C648B">
      <w:pPr>
        <w:pStyle w:val="Caption"/>
      </w:pPr>
      <w:r>
        <w:t xml:space="preserve">Figura </w:t>
      </w:r>
      <w:r>
        <w:fldChar w:fldCharType="begin"/>
      </w:r>
      <w:r>
        <w:instrText xml:space="preserve"> SEQ Figura \* ARABIC </w:instrText>
      </w:r>
      <w:r>
        <w:fldChar w:fldCharType="separate"/>
      </w:r>
      <w:r>
        <w:rPr>
          <w:noProof/>
        </w:rPr>
        <w:t>21</w:t>
      </w:r>
      <w:r>
        <w:fldChar w:fldCharType="end"/>
      </w:r>
      <w:r>
        <w:t>. Resultados del entrenamiento</w:t>
      </w:r>
    </w:p>
    <w:p w:rsidR="00F93C07" w:rsidRPr="00F93C07" w:rsidRDefault="00F93C07" w:rsidP="00F93C07"/>
    <w:p w:rsidR="006C648B" w:rsidRDefault="001F4E6C" w:rsidP="006C648B">
      <w:r>
        <w:t>Se obtiene</w:t>
      </w:r>
      <w:r w:rsidR="006C648B">
        <w:t xml:space="preserve"> un </w:t>
      </w:r>
      <w:r w:rsidR="006C648B">
        <w:rPr>
          <w:i/>
        </w:rPr>
        <w:t xml:space="preserve">score </w:t>
      </w:r>
      <w:r w:rsidR="006C648B">
        <w:t xml:space="preserve">de 0,96. Este resultado puede parecer bueno. Sin embargo, </w:t>
      </w:r>
      <w:r>
        <w:t xml:space="preserve">hay </w:t>
      </w:r>
      <w:r w:rsidR="006C648B">
        <w:t xml:space="preserve">que tener en cuenta otros valores, como </w:t>
      </w:r>
      <w:r w:rsidR="006C648B">
        <w:rPr>
          <w:i/>
        </w:rPr>
        <w:t>precision</w:t>
      </w:r>
      <w:r w:rsidR="006C648B">
        <w:t xml:space="preserve"> y </w:t>
      </w:r>
      <w:r w:rsidR="006C648B">
        <w:rPr>
          <w:i/>
        </w:rPr>
        <w:t>recall</w:t>
      </w:r>
      <w:r w:rsidR="006C648B">
        <w:t>.</w:t>
      </w:r>
    </w:p>
    <w:p w:rsidR="005221D6" w:rsidRDefault="00F93C07" w:rsidP="006C648B">
      <w:r>
        <w:lastRenderedPageBreak/>
        <w:t>Se puede comprobar que el modelo es capaz de predecir correctamente la mayoría los casos de “NO”, pero el predictor es muy malo prediciendo los casos de “SI”</w:t>
      </w:r>
      <w:r w:rsidR="00321C22">
        <w:t xml:space="preserve"> (solo ha acertado 1 caso de 4)</w:t>
      </w:r>
      <w:r>
        <w:t>.</w:t>
      </w:r>
      <w:r w:rsidR="00D0148E">
        <w:t xml:space="preserve"> Cabe destacar que los casos de “SI”</w:t>
      </w:r>
      <w:r w:rsidR="00CB6914">
        <w:t xml:space="preserve"> son muy escasos</w:t>
      </w:r>
      <w:r w:rsidR="00D0148E">
        <w:t>, por lo que se necesitan más datos para tener un predictor mejor.</w:t>
      </w:r>
    </w:p>
    <w:p w:rsidR="000B4A5E" w:rsidRDefault="000B4A5E" w:rsidP="006C648B"/>
    <w:p w:rsidR="00985036" w:rsidRDefault="00E07384" w:rsidP="006C648B">
      <w:r>
        <w:t xml:space="preserve">Con este primer estimador se ha visto el gran problema que surge al tener tan pocos datos </w:t>
      </w:r>
      <w:r w:rsidR="007646B1">
        <w:t>y al tener una variable a predecir muy desbalanceada.</w:t>
      </w:r>
      <w:r w:rsidR="00CA34FF">
        <w:t xml:space="preserve"> Los modelos que se generan están muy sesgados y</w:t>
      </w:r>
      <w:r w:rsidR="00DA1E18">
        <w:t xml:space="preserve"> evaluar la efectividad de un predictor es muy complicado.</w:t>
      </w:r>
      <w:r w:rsidR="008E3D36">
        <w:t xml:space="preserve"> </w:t>
      </w:r>
    </w:p>
    <w:p w:rsidR="00DD110D" w:rsidRDefault="00DD110D" w:rsidP="006C648B">
      <w:r>
        <w:t>Con este dataset, los modelos que se generan tienden a predecir “NO” y en un caso real, es muy probable que los predictores</w:t>
      </w:r>
      <w:r w:rsidR="00163FA7">
        <w:t xml:space="preserve"> den varios falsos negativos. Este fenómeno se podrá observar también en los estimadores que se mencionarán más adelante.</w:t>
      </w:r>
    </w:p>
    <w:p w:rsidR="0066405D" w:rsidRDefault="0066405D" w:rsidP="006C648B">
      <w:pPr>
        <w:rPr>
          <w:color w:val="FF0000"/>
        </w:rPr>
      </w:pPr>
      <w:r>
        <w:rPr>
          <w:color w:val="FF0000"/>
        </w:rPr>
        <w:t>// TODO curvas ROC y AUC</w:t>
      </w:r>
      <w:r w:rsidR="00F12773">
        <w:rPr>
          <w:color w:val="FF0000"/>
        </w:rPr>
        <w:t xml:space="preserve"> </w:t>
      </w:r>
    </w:p>
    <w:p w:rsidR="003547C0" w:rsidRDefault="003547C0" w:rsidP="006C648B">
      <w:pPr>
        <w:rPr>
          <w:color w:val="FF0000"/>
        </w:rPr>
      </w:pPr>
      <w:bookmarkStart w:id="0" w:name="_GoBack"/>
      <w:bookmarkEnd w:id="0"/>
    </w:p>
    <w:p w:rsidR="000021A7" w:rsidRPr="000021A7" w:rsidRDefault="00F922D7" w:rsidP="000021A7">
      <w:pPr>
        <w:pStyle w:val="Heading2"/>
      </w:pPr>
      <w:r>
        <w:t xml:space="preserve">k </w:t>
      </w:r>
      <w:r w:rsidR="000021A7">
        <w:t>Nearest Neigbours</w:t>
      </w:r>
      <w:r>
        <w:t xml:space="preserve"> (kNN)</w:t>
      </w:r>
    </w:p>
    <w:p w:rsidR="00B70ABF" w:rsidRPr="0005258B" w:rsidRDefault="00B70ABF" w:rsidP="0005258B">
      <w:pPr>
        <w:rPr>
          <w:rFonts w:cs="Times New Roman"/>
          <w:szCs w:val="24"/>
        </w:rPr>
      </w:pPr>
    </w:p>
    <w:p w:rsidR="000D111C" w:rsidRDefault="000D111C" w:rsidP="000D111C">
      <w:pPr>
        <w:keepNext/>
        <w:jc w:val="center"/>
      </w:pPr>
    </w:p>
    <w:p w:rsidR="000D111C" w:rsidRPr="000D111C" w:rsidRDefault="000D111C" w:rsidP="000D111C"/>
    <w:sectPr w:rsidR="000D111C" w:rsidRPr="000D111C">
      <w:headerReference w:type="default" r:id="rId31"/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75EB5" w:rsidRDefault="00275EB5" w:rsidP="004A5327">
      <w:pPr>
        <w:spacing w:after="0" w:line="240" w:lineRule="auto"/>
      </w:pPr>
      <w:r>
        <w:separator/>
      </w:r>
    </w:p>
  </w:endnote>
  <w:endnote w:type="continuationSeparator" w:id="0">
    <w:p w:rsidR="00275EB5" w:rsidRDefault="00275EB5" w:rsidP="004A532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scadia Mono">
    <w:panose1 w:val="020B0609020000020004"/>
    <w:charset w:val="00"/>
    <w:family w:val="modern"/>
    <w:pitch w:val="fixed"/>
    <w:sig w:usb0="A10002FF" w:usb1="4000F9FB" w:usb2="0004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75EB5" w:rsidRDefault="00275EB5" w:rsidP="004A5327">
      <w:pPr>
        <w:spacing w:after="0" w:line="240" w:lineRule="auto"/>
      </w:pPr>
      <w:r>
        <w:separator/>
      </w:r>
    </w:p>
  </w:footnote>
  <w:footnote w:type="continuationSeparator" w:id="0">
    <w:p w:rsidR="00275EB5" w:rsidRDefault="00275EB5" w:rsidP="004A5327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4A5327" w:rsidRDefault="004A5327">
    <w:pPr>
      <w:pStyle w:val="Header"/>
    </w:pPr>
    <w:r>
      <w:t>DRAFT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319906F2"/>
    <w:multiLevelType w:val="hybridMultilevel"/>
    <w:tmpl w:val="5546DC7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68A251B7"/>
    <w:multiLevelType w:val="hybridMultilevel"/>
    <w:tmpl w:val="0136E606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A365487"/>
    <w:multiLevelType w:val="hybridMultilevel"/>
    <w:tmpl w:val="E83C002C"/>
    <w:lvl w:ilvl="0" w:tplc="0C0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defaultTabStop w:val="720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A5327"/>
    <w:rsid w:val="00000E9F"/>
    <w:rsid w:val="0000192D"/>
    <w:rsid w:val="000021A7"/>
    <w:rsid w:val="000052CF"/>
    <w:rsid w:val="00014BC4"/>
    <w:rsid w:val="00016C36"/>
    <w:rsid w:val="00017427"/>
    <w:rsid w:val="000228F0"/>
    <w:rsid w:val="00030F17"/>
    <w:rsid w:val="0003362C"/>
    <w:rsid w:val="00042460"/>
    <w:rsid w:val="000443B2"/>
    <w:rsid w:val="0005258B"/>
    <w:rsid w:val="00053E79"/>
    <w:rsid w:val="00054FD3"/>
    <w:rsid w:val="00061D02"/>
    <w:rsid w:val="0006223B"/>
    <w:rsid w:val="00063081"/>
    <w:rsid w:val="0007169A"/>
    <w:rsid w:val="00072B42"/>
    <w:rsid w:val="00072CE5"/>
    <w:rsid w:val="00086D76"/>
    <w:rsid w:val="00087E94"/>
    <w:rsid w:val="000908CD"/>
    <w:rsid w:val="000922A3"/>
    <w:rsid w:val="000A13F1"/>
    <w:rsid w:val="000A7488"/>
    <w:rsid w:val="000B4A5E"/>
    <w:rsid w:val="000C2501"/>
    <w:rsid w:val="000C33D4"/>
    <w:rsid w:val="000C3C37"/>
    <w:rsid w:val="000C730B"/>
    <w:rsid w:val="000D111C"/>
    <w:rsid w:val="000D3D1D"/>
    <w:rsid w:val="000D5315"/>
    <w:rsid w:val="000E5AB9"/>
    <w:rsid w:val="000F2403"/>
    <w:rsid w:val="00100888"/>
    <w:rsid w:val="00103669"/>
    <w:rsid w:val="00104388"/>
    <w:rsid w:val="00106F0A"/>
    <w:rsid w:val="001105EC"/>
    <w:rsid w:val="00116E9D"/>
    <w:rsid w:val="00127950"/>
    <w:rsid w:val="00133BF4"/>
    <w:rsid w:val="00136CB8"/>
    <w:rsid w:val="00142A03"/>
    <w:rsid w:val="0015042E"/>
    <w:rsid w:val="00152B1C"/>
    <w:rsid w:val="0015550B"/>
    <w:rsid w:val="00163FA7"/>
    <w:rsid w:val="00164765"/>
    <w:rsid w:val="001679BA"/>
    <w:rsid w:val="00174C1A"/>
    <w:rsid w:val="00186F82"/>
    <w:rsid w:val="00187CF1"/>
    <w:rsid w:val="001919FF"/>
    <w:rsid w:val="001932DE"/>
    <w:rsid w:val="001942CB"/>
    <w:rsid w:val="00194557"/>
    <w:rsid w:val="0019629D"/>
    <w:rsid w:val="00196AD6"/>
    <w:rsid w:val="001A1470"/>
    <w:rsid w:val="001A6C9F"/>
    <w:rsid w:val="001B090C"/>
    <w:rsid w:val="001B30DC"/>
    <w:rsid w:val="001B6306"/>
    <w:rsid w:val="001C1095"/>
    <w:rsid w:val="001C3816"/>
    <w:rsid w:val="001C5093"/>
    <w:rsid w:val="001D27D4"/>
    <w:rsid w:val="001E1951"/>
    <w:rsid w:val="001E3E78"/>
    <w:rsid w:val="001F4E6C"/>
    <w:rsid w:val="001F5667"/>
    <w:rsid w:val="00204789"/>
    <w:rsid w:val="00204B1A"/>
    <w:rsid w:val="00204E53"/>
    <w:rsid w:val="00206245"/>
    <w:rsid w:val="0020751D"/>
    <w:rsid w:val="00215E79"/>
    <w:rsid w:val="00216CD6"/>
    <w:rsid w:val="00224212"/>
    <w:rsid w:val="002341CE"/>
    <w:rsid w:val="002351B8"/>
    <w:rsid w:val="0024307A"/>
    <w:rsid w:val="002438B4"/>
    <w:rsid w:val="0024413A"/>
    <w:rsid w:val="00247824"/>
    <w:rsid w:val="00250E79"/>
    <w:rsid w:val="002532AC"/>
    <w:rsid w:val="002541B6"/>
    <w:rsid w:val="0025569B"/>
    <w:rsid w:val="002667B3"/>
    <w:rsid w:val="002671A4"/>
    <w:rsid w:val="002678D2"/>
    <w:rsid w:val="002721EA"/>
    <w:rsid w:val="00275EB5"/>
    <w:rsid w:val="00280B7A"/>
    <w:rsid w:val="0029131D"/>
    <w:rsid w:val="00291E97"/>
    <w:rsid w:val="00293F3D"/>
    <w:rsid w:val="00295B42"/>
    <w:rsid w:val="002963D3"/>
    <w:rsid w:val="002A13A1"/>
    <w:rsid w:val="002A1DE1"/>
    <w:rsid w:val="002A39EE"/>
    <w:rsid w:val="002A762B"/>
    <w:rsid w:val="002B4F06"/>
    <w:rsid w:val="002C76EB"/>
    <w:rsid w:val="002D270D"/>
    <w:rsid w:val="002D27B0"/>
    <w:rsid w:val="002E6F6F"/>
    <w:rsid w:val="002E6FE1"/>
    <w:rsid w:val="002F2ECB"/>
    <w:rsid w:val="002F6EE6"/>
    <w:rsid w:val="002F7249"/>
    <w:rsid w:val="00306038"/>
    <w:rsid w:val="00307735"/>
    <w:rsid w:val="003101B0"/>
    <w:rsid w:val="00311E28"/>
    <w:rsid w:val="0031321B"/>
    <w:rsid w:val="00317CDF"/>
    <w:rsid w:val="0032090A"/>
    <w:rsid w:val="00321C22"/>
    <w:rsid w:val="00326328"/>
    <w:rsid w:val="00327D7A"/>
    <w:rsid w:val="0033049B"/>
    <w:rsid w:val="0033534D"/>
    <w:rsid w:val="0033692B"/>
    <w:rsid w:val="00337859"/>
    <w:rsid w:val="00340F06"/>
    <w:rsid w:val="00351138"/>
    <w:rsid w:val="00352099"/>
    <w:rsid w:val="003547C0"/>
    <w:rsid w:val="00366D13"/>
    <w:rsid w:val="00375A3B"/>
    <w:rsid w:val="00383F7C"/>
    <w:rsid w:val="00393155"/>
    <w:rsid w:val="003939F8"/>
    <w:rsid w:val="003949CC"/>
    <w:rsid w:val="003954E8"/>
    <w:rsid w:val="003A02F0"/>
    <w:rsid w:val="003A1083"/>
    <w:rsid w:val="003A1725"/>
    <w:rsid w:val="003A253A"/>
    <w:rsid w:val="003A5D31"/>
    <w:rsid w:val="003A7767"/>
    <w:rsid w:val="003B0E68"/>
    <w:rsid w:val="003B380B"/>
    <w:rsid w:val="003B39EB"/>
    <w:rsid w:val="003D1852"/>
    <w:rsid w:val="003D3639"/>
    <w:rsid w:val="003D3FE1"/>
    <w:rsid w:val="003D6CF2"/>
    <w:rsid w:val="003D7429"/>
    <w:rsid w:val="003E15E3"/>
    <w:rsid w:val="003E18DC"/>
    <w:rsid w:val="003E2306"/>
    <w:rsid w:val="003E610F"/>
    <w:rsid w:val="003E6CB8"/>
    <w:rsid w:val="003F4348"/>
    <w:rsid w:val="003F4F3E"/>
    <w:rsid w:val="003F5480"/>
    <w:rsid w:val="003F76CD"/>
    <w:rsid w:val="003F7C63"/>
    <w:rsid w:val="00402D5D"/>
    <w:rsid w:val="00403A68"/>
    <w:rsid w:val="004074EA"/>
    <w:rsid w:val="00410AB5"/>
    <w:rsid w:val="00417137"/>
    <w:rsid w:val="00421CB5"/>
    <w:rsid w:val="00422CC8"/>
    <w:rsid w:val="00425909"/>
    <w:rsid w:val="00432428"/>
    <w:rsid w:val="00434AEC"/>
    <w:rsid w:val="004703FF"/>
    <w:rsid w:val="004762F9"/>
    <w:rsid w:val="00481CED"/>
    <w:rsid w:val="004862E9"/>
    <w:rsid w:val="00486879"/>
    <w:rsid w:val="00491CB5"/>
    <w:rsid w:val="00495A8C"/>
    <w:rsid w:val="004A1721"/>
    <w:rsid w:val="004A2200"/>
    <w:rsid w:val="004A436A"/>
    <w:rsid w:val="004A5327"/>
    <w:rsid w:val="004B3DC3"/>
    <w:rsid w:val="004B7A7D"/>
    <w:rsid w:val="004C0B75"/>
    <w:rsid w:val="004C332C"/>
    <w:rsid w:val="004D5C86"/>
    <w:rsid w:val="004D6C24"/>
    <w:rsid w:val="004E0E50"/>
    <w:rsid w:val="004E1A98"/>
    <w:rsid w:val="004E4B28"/>
    <w:rsid w:val="004F0DEF"/>
    <w:rsid w:val="004F3D12"/>
    <w:rsid w:val="00503927"/>
    <w:rsid w:val="00505680"/>
    <w:rsid w:val="0050628E"/>
    <w:rsid w:val="00507FE5"/>
    <w:rsid w:val="00516AD2"/>
    <w:rsid w:val="00517C89"/>
    <w:rsid w:val="005221D6"/>
    <w:rsid w:val="0053195A"/>
    <w:rsid w:val="00533500"/>
    <w:rsid w:val="005347DC"/>
    <w:rsid w:val="00550DAC"/>
    <w:rsid w:val="0055128E"/>
    <w:rsid w:val="0055763B"/>
    <w:rsid w:val="00561390"/>
    <w:rsid w:val="0057119E"/>
    <w:rsid w:val="005770C5"/>
    <w:rsid w:val="00577C9C"/>
    <w:rsid w:val="005873DB"/>
    <w:rsid w:val="00590FEC"/>
    <w:rsid w:val="005914F8"/>
    <w:rsid w:val="005A193A"/>
    <w:rsid w:val="005A2CA3"/>
    <w:rsid w:val="005A747B"/>
    <w:rsid w:val="005A7EF4"/>
    <w:rsid w:val="005B1D9F"/>
    <w:rsid w:val="005B485A"/>
    <w:rsid w:val="005B5D4A"/>
    <w:rsid w:val="005B7182"/>
    <w:rsid w:val="005C02D1"/>
    <w:rsid w:val="005D1DF0"/>
    <w:rsid w:val="005D214B"/>
    <w:rsid w:val="005D36CB"/>
    <w:rsid w:val="005F0AAB"/>
    <w:rsid w:val="005F2459"/>
    <w:rsid w:val="00604C32"/>
    <w:rsid w:val="0061076F"/>
    <w:rsid w:val="006128EC"/>
    <w:rsid w:val="006149CC"/>
    <w:rsid w:val="0062194E"/>
    <w:rsid w:val="00623889"/>
    <w:rsid w:val="00625DE7"/>
    <w:rsid w:val="00630860"/>
    <w:rsid w:val="00631178"/>
    <w:rsid w:val="00641964"/>
    <w:rsid w:val="0064302A"/>
    <w:rsid w:val="00644CAF"/>
    <w:rsid w:val="0066405D"/>
    <w:rsid w:val="00666461"/>
    <w:rsid w:val="00666C8F"/>
    <w:rsid w:val="00667A64"/>
    <w:rsid w:val="00670E96"/>
    <w:rsid w:val="00675CBE"/>
    <w:rsid w:val="00677138"/>
    <w:rsid w:val="00694546"/>
    <w:rsid w:val="006B0CF7"/>
    <w:rsid w:val="006B6CA3"/>
    <w:rsid w:val="006C648B"/>
    <w:rsid w:val="006D109B"/>
    <w:rsid w:val="006D5088"/>
    <w:rsid w:val="006E15FD"/>
    <w:rsid w:val="006E7389"/>
    <w:rsid w:val="006F190D"/>
    <w:rsid w:val="006F3F9C"/>
    <w:rsid w:val="006F608B"/>
    <w:rsid w:val="0070277F"/>
    <w:rsid w:val="00705489"/>
    <w:rsid w:val="00706998"/>
    <w:rsid w:val="00715985"/>
    <w:rsid w:val="00725E77"/>
    <w:rsid w:val="00731294"/>
    <w:rsid w:val="00735B60"/>
    <w:rsid w:val="0073694A"/>
    <w:rsid w:val="00736ACE"/>
    <w:rsid w:val="00745FE1"/>
    <w:rsid w:val="0074737D"/>
    <w:rsid w:val="007525CF"/>
    <w:rsid w:val="00760AC6"/>
    <w:rsid w:val="007646B1"/>
    <w:rsid w:val="007710B2"/>
    <w:rsid w:val="00772AA3"/>
    <w:rsid w:val="00783356"/>
    <w:rsid w:val="0079138C"/>
    <w:rsid w:val="00792D76"/>
    <w:rsid w:val="00796729"/>
    <w:rsid w:val="007A06BB"/>
    <w:rsid w:val="007A2A4F"/>
    <w:rsid w:val="007A35D4"/>
    <w:rsid w:val="007A4AF5"/>
    <w:rsid w:val="007B6B78"/>
    <w:rsid w:val="007C0582"/>
    <w:rsid w:val="007C1EF6"/>
    <w:rsid w:val="007C3998"/>
    <w:rsid w:val="007C5FA2"/>
    <w:rsid w:val="007C6761"/>
    <w:rsid w:val="007C6CC3"/>
    <w:rsid w:val="007E4FC3"/>
    <w:rsid w:val="007E7E75"/>
    <w:rsid w:val="007F6C81"/>
    <w:rsid w:val="0080728E"/>
    <w:rsid w:val="00807A95"/>
    <w:rsid w:val="00814CCF"/>
    <w:rsid w:val="00815D9C"/>
    <w:rsid w:val="008203E8"/>
    <w:rsid w:val="00821B3E"/>
    <w:rsid w:val="00823D2A"/>
    <w:rsid w:val="008244F9"/>
    <w:rsid w:val="00827C76"/>
    <w:rsid w:val="0084447D"/>
    <w:rsid w:val="00845A33"/>
    <w:rsid w:val="00853C28"/>
    <w:rsid w:val="00854427"/>
    <w:rsid w:val="008568A1"/>
    <w:rsid w:val="008600F3"/>
    <w:rsid w:val="008702A8"/>
    <w:rsid w:val="00871FA8"/>
    <w:rsid w:val="00873533"/>
    <w:rsid w:val="00874760"/>
    <w:rsid w:val="00881B24"/>
    <w:rsid w:val="00882B07"/>
    <w:rsid w:val="00895ED5"/>
    <w:rsid w:val="008A19B6"/>
    <w:rsid w:val="008A23CA"/>
    <w:rsid w:val="008A31F1"/>
    <w:rsid w:val="008A31F8"/>
    <w:rsid w:val="008A46D1"/>
    <w:rsid w:val="008A4ACA"/>
    <w:rsid w:val="008B076C"/>
    <w:rsid w:val="008B451D"/>
    <w:rsid w:val="008B6373"/>
    <w:rsid w:val="008C2613"/>
    <w:rsid w:val="008C285A"/>
    <w:rsid w:val="008C70AF"/>
    <w:rsid w:val="008D250A"/>
    <w:rsid w:val="008D52F0"/>
    <w:rsid w:val="008E02C5"/>
    <w:rsid w:val="008E3D36"/>
    <w:rsid w:val="008E6461"/>
    <w:rsid w:val="008F254A"/>
    <w:rsid w:val="009019CF"/>
    <w:rsid w:val="00902B5E"/>
    <w:rsid w:val="009055A0"/>
    <w:rsid w:val="00906749"/>
    <w:rsid w:val="0091584C"/>
    <w:rsid w:val="00916112"/>
    <w:rsid w:val="00924F82"/>
    <w:rsid w:val="00927457"/>
    <w:rsid w:val="00934A4E"/>
    <w:rsid w:val="0093745F"/>
    <w:rsid w:val="0094330A"/>
    <w:rsid w:val="00945FCE"/>
    <w:rsid w:val="0094723E"/>
    <w:rsid w:val="00967AF0"/>
    <w:rsid w:val="00970E59"/>
    <w:rsid w:val="00972C8F"/>
    <w:rsid w:val="00984280"/>
    <w:rsid w:val="00985036"/>
    <w:rsid w:val="00990A0E"/>
    <w:rsid w:val="009914E6"/>
    <w:rsid w:val="00991864"/>
    <w:rsid w:val="00991C7B"/>
    <w:rsid w:val="00995616"/>
    <w:rsid w:val="009A204D"/>
    <w:rsid w:val="009A3F94"/>
    <w:rsid w:val="009A7B66"/>
    <w:rsid w:val="009B299D"/>
    <w:rsid w:val="009B65F4"/>
    <w:rsid w:val="009C15A2"/>
    <w:rsid w:val="009C1AA1"/>
    <w:rsid w:val="009C321D"/>
    <w:rsid w:val="009D132D"/>
    <w:rsid w:val="009E1C63"/>
    <w:rsid w:val="00A069DF"/>
    <w:rsid w:val="00A07053"/>
    <w:rsid w:val="00A1645D"/>
    <w:rsid w:val="00A23265"/>
    <w:rsid w:val="00A244AB"/>
    <w:rsid w:val="00A24697"/>
    <w:rsid w:val="00A35C16"/>
    <w:rsid w:val="00A40F8D"/>
    <w:rsid w:val="00A4537F"/>
    <w:rsid w:val="00A501DB"/>
    <w:rsid w:val="00A50D41"/>
    <w:rsid w:val="00A53792"/>
    <w:rsid w:val="00A674BB"/>
    <w:rsid w:val="00A732FF"/>
    <w:rsid w:val="00A8016E"/>
    <w:rsid w:val="00A83984"/>
    <w:rsid w:val="00A84EBE"/>
    <w:rsid w:val="00A85E31"/>
    <w:rsid w:val="00A86CEA"/>
    <w:rsid w:val="00A93458"/>
    <w:rsid w:val="00A93550"/>
    <w:rsid w:val="00A96B54"/>
    <w:rsid w:val="00A97681"/>
    <w:rsid w:val="00A97B2E"/>
    <w:rsid w:val="00AA202A"/>
    <w:rsid w:val="00AA313C"/>
    <w:rsid w:val="00AB12C9"/>
    <w:rsid w:val="00AB22A0"/>
    <w:rsid w:val="00AB4DE5"/>
    <w:rsid w:val="00AB5735"/>
    <w:rsid w:val="00AB584C"/>
    <w:rsid w:val="00AC1348"/>
    <w:rsid w:val="00AC3AEB"/>
    <w:rsid w:val="00AD7217"/>
    <w:rsid w:val="00AD72F2"/>
    <w:rsid w:val="00AE208A"/>
    <w:rsid w:val="00AF55C3"/>
    <w:rsid w:val="00B0544A"/>
    <w:rsid w:val="00B05C19"/>
    <w:rsid w:val="00B124B9"/>
    <w:rsid w:val="00B13C27"/>
    <w:rsid w:val="00B242DA"/>
    <w:rsid w:val="00B32335"/>
    <w:rsid w:val="00B32C5C"/>
    <w:rsid w:val="00B363B3"/>
    <w:rsid w:val="00B4161D"/>
    <w:rsid w:val="00B41D63"/>
    <w:rsid w:val="00B424FD"/>
    <w:rsid w:val="00B42754"/>
    <w:rsid w:val="00B44922"/>
    <w:rsid w:val="00B46226"/>
    <w:rsid w:val="00B47C76"/>
    <w:rsid w:val="00B51695"/>
    <w:rsid w:val="00B60B2F"/>
    <w:rsid w:val="00B634AD"/>
    <w:rsid w:val="00B67921"/>
    <w:rsid w:val="00B70ABF"/>
    <w:rsid w:val="00B70D88"/>
    <w:rsid w:val="00B7320A"/>
    <w:rsid w:val="00B81C20"/>
    <w:rsid w:val="00B8703F"/>
    <w:rsid w:val="00B90637"/>
    <w:rsid w:val="00B90AB3"/>
    <w:rsid w:val="00B90D92"/>
    <w:rsid w:val="00B94A22"/>
    <w:rsid w:val="00BA7C20"/>
    <w:rsid w:val="00BB2F8B"/>
    <w:rsid w:val="00BB38F3"/>
    <w:rsid w:val="00BB6A86"/>
    <w:rsid w:val="00BB7426"/>
    <w:rsid w:val="00BC6361"/>
    <w:rsid w:val="00BC753B"/>
    <w:rsid w:val="00BC7881"/>
    <w:rsid w:val="00BD02FC"/>
    <w:rsid w:val="00BD4063"/>
    <w:rsid w:val="00BD4231"/>
    <w:rsid w:val="00BD5BA8"/>
    <w:rsid w:val="00BD5E07"/>
    <w:rsid w:val="00BD7841"/>
    <w:rsid w:val="00BE29B3"/>
    <w:rsid w:val="00BF0C5E"/>
    <w:rsid w:val="00BF12B5"/>
    <w:rsid w:val="00C116AA"/>
    <w:rsid w:val="00C14E7F"/>
    <w:rsid w:val="00C31ABE"/>
    <w:rsid w:val="00C34873"/>
    <w:rsid w:val="00C458E9"/>
    <w:rsid w:val="00C50B98"/>
    <w:rsid w:val="00C65EAE"/>
    <w:rsid w:val="00C90475"/>
    <w:rsid w:val="00C94A61"/>
    <w:rsid w:val="00C964B4"/>
    <w:rsid w:val="00CA1C2C"/>
    <w:rsid w:val="00CA2A58"/>
    <w:rsid w:val="00CA2B22"/>
    <w:rsid w:val="00CA34FF"/>
    <w:rsid w:val="00CA3BC4"/>
    <w:rsid w:val="00CA63D9"/>
    <w:rsid w:val="00CB1634"/>
    <w:rsid w:val="00CB3124"/>
    <w:rsid w:val="00CB4C91"/>
    <w:rsid w:val="00CB6914"/>
    <w:rsid w:val="00CC252F"/>
    <w:rsid w:val="00CC3637"/>
    <w:rsid w:val="00CC533F"/>
    <w:rsid w:val="00CD62B4"/>
    <w:rsid w:val="00CD7FFC"/>
    <w:rsid w:val="00CF09A2"/>
    <w:rsid w:val="00CF4F00"/>
    <w:rsid w:val="00CF6628"/>
    <w:rsid w:val="00D0148E"/>
    <w:rsid w:val="00D02177"/>
    <w:rsid w:val="00D15254"/>
    <w:rsid w:val="00D15840"/>
    <w:rsid w:val="00D173B5"/>
    <w:rsid w:val="00D23E5D"/>
    <w:rsid w:val="00D34075"/>
    <w:rsid w:val="00D34D01"/>
    <w:rsid w:val="00D4046F"/>
    <w:rsid w:val="00D46369"/>
    <w:rsid w:val="00D54C0A"/>
    <w:rsid w:val="00D55A34"/>
    <w:rsid w:val="00D619A3"/>
    <w:rsid w:val="00D6754E"/>
    <w:rsid w:val="00D72C40"/>
    <w:rsid w:val="00D80B7A"/>
    <w:rsid w:val="00D854E6"/>
    <w:rsid w:val="00D918D3"/>
    <w:rsid w:val="00DA1E18"/>
    <w:rsid w:val="00DA2F46"/>
    <w:rsid w:val="00DB335C"/>
    <w:rsid w:val="00DC0F03"/>
    <w:rsid w:val="00DC5B46"/>
    <w:rsid w:val="00DD110D"/>
    <w:rsid w:val="00DD1411"/>
    <w:rsid w:val="00DD75FE"/>
    <w:rsid w:val="00DE1DA3"/>
    <w:rsid w:val="00DF05FF"/>
    <w:rsid w:val="00DF18FA"/>
    <w:rsid w:val="00DF4187"/>
    <w:rsid w:val="00DF683E"/>
    <w:rsid w:val="00E002CE"/>
    <w:rsid w:val="00E06231"/>
    <w:rsid w:val="00E07384"/>
    <w:rsid w:val="00E111DB"/>
    <w:rsid w:val="00E2034A"/>
    <w:rsid w:val="00E21D28"/>
    <w:rsid w:val="00E2563D"/>
    <w:rsid w:val="00E27766"/>
    <w:rsid w:val="00E41041"/>
    <w:rsid w:val="00E43076"/>
    <w:rsid w:val="00E51459"/>
    <w:rsid w:val="00E61039"/>
    <w:rsid w:val="00E64C0A"/>
    <w:rsid w:val="00E65658"/>
    <w:rsid w:val="00E676D4"/>
    <w:rsid w:val="00E676EC"/>
    <w:rsid w:val="00E71713"/>
    <w:rsid w:val="00E73DEA"/>
    <w:rsid w:val="00E74131"/>
    <w:rsid w:val="00E80007"/>
    <w:rsid w:val="00E8024F"/>
    <w:rsid w:val="00E86DE3"/>
    <w:rsid w:val="00EA5DF7"/>
    <w:rsid w:val="00EA768F"/>
    <w:rsid w:val="00EB4911"/>
    <w:rsid w:val="00EB7F8D"/>
    <w:rsid w:val="00EC26F7"/>
    <w:rsid w:val="00EC5262"/>
    <w:rsid w:val="00EC6BD5"/>
    <w:rsid w:val="00EE2003"/>
    <w:rsid w:val="00EE3A49"/>
    <w:rsid w:val="00EE3FFF"/>
    <w:rsid w:val="00EE4961"/>
    <w:rsid w:val="00EE7E21"/>
    <w:rsid w:val="00EF07A9"/>
    <w:rsid w:val="00EF301C"/>
    <w:rsid w:val="00EF3F93"/>
    <w:rsid w:val="00EF65FD"/>
    <w:rsid w:val="00F0128D"/>
    <w:rsid w:val="00F12773"/>
    <w:rsid w:val="00F12F38"/>
    <w:rsid w:val="00F222A6"/>
    <w:rsid w:val="00F237E0"/>
    <w:rsid w:val="00F244C1"/>
    <w:rsid w:val="00F27ADC"/>
    <w:rsid w:val="00F27DB2"/>
    <w:rsid w:val="00F32171"/>
    <w:rsid w:val="00F45032"/>
    <w:rsid w:val="00F507B7"/>
    <w:rsid w:val="00F529EF"/>
    <w:rsid w:val="00F53C3D"/>
    <w:rsid w:val="00F5576A"/>
    <w:rsid w:val="00F55A47"/>
    <w:rsid w:val="00F57EBF"/>
    <w:rsid w:val="00F60C05"/>
    <w:rsid w:val="00F64F15"/>
    <w:rsid w:val="00F70C20"/>
    <w:rsid w:val="00F76C8E"/>
    <w:rsid w:val="00F922D7"/>
    <w:rsid w:val="00F92D57"/>
    <w:rsid w:val="00F93C07"/>
    <w:rsid w:val="00FA0385"/>
    <w:rsid w:val="00FA0769"/>
    <w:rsid w:val="00FA5B31"/>
    <w:rsid w:val="00FB0837"/>
    <w:rsid w:val="00FB5723"/>
    <w:rsid w:val="00FD21F4"/>
    <w:rsid w:val="00FD48C1"/>
    <w:rsid w:val="00FE1930"/>
    <w:rsid w:val="00FE5080"/>
    <w:rsid w:val="00FE7E34"/>
    <w:rsid w:val="00FF1D54"/>
    <w:rsid w:val="00FF4D0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115A6289"/>
  <w15:chartTrackingRefBased/>
  <w15:docId w15:val="{628AE5EA-54FA-4A76-A9FB-70756E98CAF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E02C5"/>
    <w:pPr>
      <w:spacing w:line="360" w:lineRule="auto"/>
      <w:jc w:val="both"/>
    </w:pPr>
    <w:rPr>
      <w:rFonts w:ascii="Times New Roman" w:hAnsi="Times New Roman"/>
      <w:sz w:val="24"/>
      <w:lang w:val="es-ES"/>
    </w:rPr>
  </w:style>
  <w:style w:type="paragraph" w:styleId="Heading1">
    <w:name w:val="heading 1"/>
    <w:basedOn w:val="Normal"/>
    <w:next w:val="Normal"/>
    <w:link w:val="Heading1Char"/>
    <w:uiPriority w:val="9"/>
    <w:qFormat/>
    <w:rsid w:val="00AC3AEB"/>
    <w:pPr>
      <w:keepNext/>
      <w:keepLines/>
      <w:spacing w:before="240" w:after="0"/>
      <w:jc w:val="left"/>
      <w:outlineLvl w:val="0"/>
    </w:pPr>
    <w:rPr>
      <w:rFonts w:eastAsiaTheme="majorEastAsia" w:cstheme="majorBidi"/>
      <w:b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F683E"/>
    <w:pPr>
      <w:keepNext/>
      <w:keepLines/>
      <w:spacing w:before="40" w:after="0"/>
      <w:outlineLvl w:val="1"/>
    </w:pPr>
    <w:rPr>
      <w:rFonts w:eastAsiaTheme="majorEastAsia" w:cstheme="majorBidi"/>
      <w:b/>
      <w:sz w:val="28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EA768F"/>
    <w:pPr>
      <w:keepNext/>
      <w:keepLines/>
      <w:spacing w:before="40" w:after="0"/>
      <w:outlineLvl w:val="2"/>
    </w:pPr>
    <w:rPr>
      <w:rFonts w:eastAsiaTheme="majorEastAsia" w:cstheme="majorBidi"/>
      <w:b/>
      <w:szCs w:val="24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4A5327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4A5327"/>
    <w:rPr>
      <w:lang w:val="es-ES"/>
    </w:rPr>
  </w:style>
  <w:style w:type="paragraph" w:styleId="Footer">
    <w:name w:val="footer"/>
    <w:basedOn w:val="Normal"/>
    <w:link w:val="FooterChar"/>
    <w:uiPriority w:val="99"/>
    <w:unhideWhenUsed/>
    <w:rsid w:val="004A5327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4A5327"/>
    <w:rPr>
      <w:lang w:val="es-ES"/>
    </w:rPr>
  </w:style>
  <w:style w:type="paragraph" w:styleId="Caption">
    <w:name w:val="caption"/>
    <w:basedOn w:val="Normal"/>
    <w:next w:val="Normal"/>
    <w:uiPriority w:val="35"/>
    <w:unhideWhenUsed/>
    <w:qFormat/>
    <w:rsid w:val="008B076C"/>
    <w:pPr>
      <w:spacing w:after="200" w:line="240" w:lineRule="auto"/>
      <w:jc w:val="center"/>
    </w:pPr>
    <w:rPr>
      <w:i/>
      <w:iCs/>
      <w:color w:val="44546A" w:themeColor="text2"/>
      <w:sz w:val="18"/>
      <w:szCs w:val="18"/>
    </w:rPr>
  </w:style>
  <w:style w:type="character" w:styleId="SubtleEmphasis">
    <w:name w:val="Subtle Emphasis"/>
    <w:basedOn w:val="DefaultParagraphFont"/>
    <w:uiPriority w:val="19"/>
    <w:qFormat/>
    <w:rsid w:val="00CA2A58"/>
    <w:rPr>
      <w:i/>
      <w:iCs/>
      <w:color w:val="404040" w:themeColor="text1" w:themeTint="BF"/>
    </w:rPr>
  </w:style>
  <w:style w:type="character" w:customStyle="1" w:styleId="Heading2Char">
    <w:name w:val="Heading 2 Char"/>
    <w:basedOn w:val="DefaultParagraphFont"/>
    <w:link w:val="Heading2"/>
    <w:uiPriority w:val="9"/>
    <w:rsid w:val="00DF683E"/>
    <w:rPr>
      <w:rFonts w:ascii="Times New Roman" w:eastAsiaTheme="majorEastAsia" w:hAnsi="Times New Roman" w:cstheme="majorBidi"/>
      <w:b/>
      <w:sz w:val="28"/>
      <w:szCs w:val="26"/>
      <w:lang w:val="es-ES"/>
    </w:rPr>
  </w:style>
  <w:style w:type="character" w:customStyle="1" w:styleId="Heading3Char">
    <w:name w:val="Heading 3 Char"/>
    <w:basedOn w:val="DefaultParagraphFont"/>
    <w:link w:val="Heading3"/>
    <w:uiPriority w:val="9"/>
    <w:rsid w:val="00EA768F"/>
    <w:rPr>
      <w:rFonts w:ascii="Times New Roman" w:eastAsiaTheme="majorEastAsia" w:hAnsi="Times New Roman" w:cstheme="majorBidi"/>
      <w:b/>
      <w:sz w:val="24"/>
      <w:szCs w:val="24"/>
      <w:lang w:val="es-ES"/>
    </w:rPr>
  </w:style>
  <w:style w:type="paragraph" w:styleId="ListParagraph">
    <w:name w:val="List Paragraph"/>
    <w:basedOn w:val="Normal"/>
    <w:uiPriority w:val="34"/>
    <w:qFormat/>
    <w:rsid w:val="00EA768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F244C1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F244C1"/>
    <w:rPr>
      <w:rFonts w:ascii="Segoe UI" w:hAnsi="Segoe UI" w:cs="Segoe UI"/>
      <w:sz w:val="18"/>
      <w:szCs w:val="18"/>
      <w:lang w:val="es-ES"/>
    </w:rPr>
  </w:style>
  <w:style w:type="character" w:customStyle="1" w:styleId="Heading1Char">
    <w:name w:val="Heading 1 Char"/>
    <w:basedOn w:val="DefaultParagraphFont"/>
    <w:link w:val="Heading1"/>
    <w:uiPriority w:val="9"/>
    <w:rsid w:val="00AC3AEB"/>
    <w:rPr>
      <w:rFonts w:ascii="Times New Roman" w:eastAsiaTheme="majorEastAsia" w:hAnsi="Times New Roman" w:cstheme="majorBidi"/>
      <w:b/>
      <w:sz w:val="32"/>
      <w:szCs w:val="32"/>
      <w:lang w:val="es-ES"/>
    </w:rPr>
  </w:style>
  <w:style w:type="character" w:styleId="Strong">
    <w:name w:val="Strong"/>
    <w:aliases w:val="Code"/>
    <w:basedOn w:val="DefaultParagraphFont"/>
    <w:uiPriority w:val="22"/>
    <w:qFormat/>
    <w:rsid w:val="0079138C"/>
    <w:rPr>
      <w:rFonts w:ascii="Cascadia Mono" w:hAnsi="Cascadia Mono"/>
      <w:b w:val="0"/>
      <w:bCs/>
      <w:sz w:val="20"/>
    </w:rPr>
  </w:style>
  <w:style w:type="paragraph" w:styleId="NoSpacing">
    <w:name w:val="No Spacing"/>
    <w:uiPriority w:val="1"/>
    <w:qFormat/>
    <w:rsid w:val="000052CF"/>
    <w:pPr>
      <w:spacing w:after="0" w:line="240" w:lineRule="auto"/>
      <w:jc w:val="both"/>
    </w:pPr>
    <w:rPr>
      <w:rFonts w:ascii="Times New Roman" w:hAnsi="Times New Roman"/>
      <w:sz w:val="24"/>
      <w:lang w:val="es-ES"/>
    </w:rPr>
  </w:style>
  <w:style w:type="paragraph" w:styleId="Subtitle">
    <w:name w:val="Subtitle"/>
    <w:basedOn w:val="Normal"/>
    <w:next w:val="Normal"/>
    <w:link w:val="SubtitleChar"/>
    <w:uiPriority w:val="11"/>
    <w:qFormat/>
    <w:rsid w:val="000052CF"/>
    <w:pPr>
      <w:numPr>
        <w:ilvl w:val="1"/>
      </w:numPr>
    </w:pPr>
    <w:rPr>
      <w:rFonts w:asciiTheme="minorHAnsi" w:eastAsiaTheme="minorEastAsia" w:hAnsiTheme="minorHAnsi"/>
      <w:color w:val="5A5A5A" w:themeColor="text1" w:themeTint="A5"/>
      <w:spacing w:val="15"/>
      <w:sz w:val="22"/>
    </w:rPr>
  </w:style>
  <w:style w:type="character" w:customStyle="1" w:styleId="SubtitleChar">
    <w:name w:val="Subtitle Char"/>
    <w:basedOn w:val="DefaultParagraphFont"/>
    <w:link w:val="Subtitle"/>
    <w:uiPriority w:val="11"/>
    <w:rsid w:val="000052CF"/>
    <w:rPr>
      <w:rFonts w:eastAsiaTheme="minorEastAsia"/>
      <w:color w:val="5A5A5A" w:themeColor="text1" w:themeTint="A5"/>
      <w:spacing w:val="15"/>
      <w:lang w:val="es-E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26" Type="http://schemas.openxmlformats.org/officeDocument/2006/relationships/image" Target="media/image20.png"/><Relationship Id="rId3" Type="http://schemas.openxmlformats.org/officeDocument/2006/relationships/settings" Target="settings.xml"/><Relationship Id="rId21" Type="http://schemas.openxmlformats.org/officeDocument/2006/relationships/image" Target="media/image15.png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5" Type="http://schemas.openxmlformats.org/officeDocument/2006/relationships/image" Target="media/image19.png"/><Relationship Id="rId33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4.png"/><Relationship Id="rId29" Type="http://schemas.openxmlformats.org/officeDocument/2006/relationships/image" Target="media/image23.png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24" Type="http://schemas.openxmlformats.org/officeDocument/2006/relationships/image" Target="media/image18.png"/><Relationship Id="rId32" Type="http://schemas.openxmlformats.org/officeDocument/2006/relationships/fontTable" Target="fontTable.xml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23" Type="http://schemas.openxmlformats.org/officeDocument/2006/relationships/image" Target="media/image17.png"/><Relationship Id="rId28" Type="http://schemas.openxmlformats.org/officeDocument/2006/relationships/image" Target="media/image22.png"/><Relationship Id="rId10" Type="http://schemas.openxmlformats.org/officeDocument/2006/relationships/image" Target="media/image4.png"/><Relationship Id="rId19" Type="http://schemas.openxmlformats.org/officeDocument/2006/relationships/image" Target="media/image13.png"/><Relationship Id="rId31" Type="http://schemas.openxmlformats.org/officeDocument/2006/relationships/header" Target="header1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openxmlformats.org/officeDocument/2006/relationships/image" Target="media/image16.png"/><Relationship Id="rId27" Type="http://schemas.openxmlformats.org/officeDocument/2006/relationships/image" Target="media/image21.png"/><Relationship Id="rId30" Type="http://schemas.openxmlformats.org/officeDocument/2006/relationships/image" Target="media/image24.png"/><Relationship Id="rId8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7</Pages>
  <Words>2623</Words>
  <Characters>14432</Characters>
  <Application>Microsoft Office Word</Application>
  <DocSecurity>0</DocSecurity>
  <Lines>120</Lines>
  <Paragraphs>3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Gemalto</Company>
  <LinksUpToDate>false</LinksUpToDate>
  <CharactersWithSpaces>170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orrea-EXTERNAL Richard Junior</dc:creator>
  <cp:keywords/>
  <dc:description/>
  <cp:lastModifiedBy>Correa-EXTERNAL Richard Junior</cp:lastModifiedBy>
  <cp:revision>727</cp:revision>
  <dcterms:created xsi:type="dcterms:W3CDTF">2022-04-29T17:06:00Z</dcterms:created>
  <dcterms:modified xsi:type="dcterms:W3CDTF">2022-05-05T20:14:00Z</dcterms:modified>
</cp:coreProperties>
</file>